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子ども・子育て支援課_20190821\ファイル名変更\"/>
    </mc:Choice>
  </mc:AlternateContent>
  <bookViews>
    <workbookView xWindow="-2370" yWindow="780" windowWidth="20520" windowHeight="8040"/>
  </bookViews>
  <sheets>
    <sheet name="保育所名" sheetId="1" r:id="rId1"/>
  </sheets>
  <definedNames>
    <definedName name="_xlnm._FilterDatabase" localSheetId="0" hidden="1">保育所名!$A$1:$I$286</definedName>
    <definedName name="DATA1">保育所名!$B$151:$I$285</definedName>
    <definedName name="FULLDATA">保育所名!$B$1:$I$285</definedName>
    <definedName name="PRINT">保育所名!$A$1:$I$285</definedName>
    <definedName name="_xlnm.Print_Titles" localSheetId="0">保育所名!$A:$E,保育所名!$1:$1</definedName>
    <definedName name="TEST1">保育所名!$B$1:$AS$285</definedName>
    <definedName name="安来市">保育所名!#REF!</definedName>
    <definedName name="益田市">保育所名!#REF!</definedName>
    <definedName name="江津市">保育所名!#REF!</definedName>
    <definedName name="出雲市">保育所名!#REF!</definedName>
    <definedName name="松江市">保育所名!#REF!</definedName>
    <definedName name="大田市">保育所名!#REF!</definedName>
    <definedName name="美保関町">保育所名!#REF!</definedName>
    <definedName name="浜田市">保育所名!#REF!</definedName>
    <definedName name="平田市">保育所名!#REF!</definedName>
  </definedNames>
  <calcPr calcId="162913"/>
</workbook>
</file>

<file path=xl/sharedStrings.xml><?xml version="1.0" encoding="utf-8"?>
<sst xmlns="http://schemas.openxmlformats.org/spreadsheetml/2006/main" count="1458" uniqueCount="881">
  <si>
    <t>ひまわり第１保育園</t>
  </si>
  <si>
    <t>0853　22-5172</t>
  </si>
  <si>
    <t>ひまわり第２保育園</t>
  </si>
  <si>
    <t>0853　23-5978</t>
  </si>
  <si>
    <t>なかの保育園</t>
  </si>
  <si>
    <t>0853　22-5222</t>
  </si>
  <si>
    <t>おおつ保育園</t>
  </si>
  <si>
    <t>0853　22-1124</t>
  </si>
  <si>
    <t>たちばな保育園</t>
  </si>
  <si>
    <t>出雲市大津町1409-3</t>
  </si>
  <si>
    <t>えんや保育園</t>
  </si>
  <si>
    <t>0853　22-6528</t>
  </si>
  <si>
    <t>おおつか保育園</t>
  </si>
  <si>
    <t>出雲市大塚町790-1</t>
  </si>
  <si>
    <t>0853　23-4384</t>
  </si>
  <si>
    <t>大田市</t>
  </si>
  <si>
    <t>大田保育園</t>
  </si>
  <si>
    <t>大田市大田町大田イ575-7</t>
  </si>
  <si>
    <t>川合保育園</t>
  </si>
  <si>
    <t>大田市川合町川合2997</t>
  </si>
  <si>
    <t>鳥井保育園</t>
  </si>
  <si>
    <t>大田市鳥井町鳥井732</t>
  </si>
  <si>
    <t>久手保育園</t>
  </si>
  <si>
    <t>大田市久手町刺鹿2672</t>
  </si>
  <si>
    <t>波根保育園</t>
  </si>
  <si>
    <t>大田市波根町1755</t>
  </si>
  <si>
    <t>久利保育園</t>
  </si>
  <si>
    <t>大田市久利町久利852-1</t>
  </si>
  <si>
    <t>静間保育園</t>
  </si>
  <si>
    <t>大田市静間町430-1</t>
  </si>
  <si>
    <t>池田保育園</t>
  </si>
  <si>
    <t>大田市三瓶町池田1877-5</t>
  </si>
  <si>
    <t>水上保育園</t>
  </si>
  <si>
    <t>相愛保育園</t>
  </si>
  <si>
    <t>温泉津保育所</t>
  </si>
  <si>
    <t>0855　65-2075</t>
  </si>
  <si>
    <t>0855　65-2003</t>
  </si>
  <si>
    <t>志学保育園</t>
  </si>
  <si>
    <t>あゆみ保育園</t>
  </si>
  <si>
    <t>みどり保育園</t>
  </si>
  <si>
    <t>外園保育園</t>
  </si>
  <si>
    <t>出雲市外園町204-1</t>
  </si>
  <si>
    <t>0853　28-0237</t>
  </si>
  <si>
    <t>さとがた保育園</t>
  </si>
  <si>
    <t>出雲市里方町750-1</t>
  </si>
  <si>
    <t>0853　21-4517</t>
  </si>
  <si>
    <t>浜山保育園</t>
  </si>
  <si>
    <t>0853　22-1612</t>
  </si>
  <si>
    <t>わたりはし保育園</t>
  </si>
  <si>
    <t>0853  23-1592</t>
  </si>
  <si>
    <t>すぎの子保育園</t>
  </si>
  <si>
    <t>0853  22-8003</t>
  </si>
  <si>
    <t>0853　62-2374</t>
  </si>
  <si>
    <t>わにぶち保育所</t>
  </si>
  <si>
    <t>中部保育所</t>
  </si>
  <si>
    <t>0853　63-3221</t>
  </si>
  <si>
    <t>北部保育所</t>
  </si>
  <si>
    <t>0853　68-0106</t>
  </si>
  <si>
    <t>ハマナス保育園</t>
  </si>
  <si>
    <t>0853　43-2621</t>
  </si>
  <si>
    <t>こぐま保育園</t>
  </si>
  <si>
    <t>0853　53-1123</t>
  </si>
  <si>
    <t>0853　53-2423</t>
  </si>
  <si>
    <t>中村保育園</t>
  </si>
  <si>
    <t>08512　4-0017</t>
  </si>
  <si>
    <t>08512　2-5106</t>
  </si>
  <si>
    <t>下西保育所</t>
  </si>
  <si>
    <t>08512　2-4612</t>
  </si>
  <si>
    <t>ごか保育園</t>
  </si>
  <si>
    <t>08512　5-2115</t>
  </si>
  <si>
    <t>都万保育所</t>
  </si>
  <si>
    <t>08512　6-2064</t>
  </si>
  <si>
    <t>隠岐共生学園第一保育所</t>
  </si>
  <si>
    <t>08512　2-0510</t>
  </si>
  <si>
    <t>隠岐共生学園第二保育所</t>
  </si>
  <si>
    <t>08512　2-0129</t>
  </si>
  <si>
    <t>双葉保育園</t>
  </si>
  <si>
    <t>08512　2-5753</t>
  </si>
  <si>
    <t>御津保育所</t>
  </si>
  <si>
    <t>0852　82-0302</t>
  </si>
  <si>
    <t>恵曇保育所</t>
  </si>
  <si>
    <t>0852　82-2093</t>
  </si>
  <si>
    <t>野波保育所</t>
  </si>
  <si>
    <t>たけかや保育園</t>
  </si>
  <si>
    <t>0852　54-1502</t>
  </si>
  <si>
    <t>湯町保育園</t>
  </si>
  <si>
    <t>0852　62-0885</t>
  </si>
  <si>
    <t>私</t>
    <rPh sb="0" eb="1">
      <t>シ</t>
    </rPh>
    <phoneticPr fontId="1"/>
  </si>
  <si>
    <t>番号</t>
  </si>
  <si>
    <t>市町村名</t>
  </si>
  <si>
    <t>設置</t>
  </si>
  <si>
    <t>施　設　名</t>
  </si>
  <si>
    <t>郵便番号</t>
  </si>
  <si>
    <t>　所　　在　　地</t>
  </si>
  <si>
    <t>電話番号</t>
  </si>
  <si>
    <t>松江市</t>
  </si>
  <si>
    <t>公</t>
  </si>
  <si>
    <t>白潟保育所</t>
  </si>
  <si>
    <t>松江市灘町1-57</t>
  </si>
  <si>
    <t>0852　21-4204</t>
  </si>
  <si>
    <t>城東保育所</t>
  </si>
  <si>
    <t>松江市学園1丁目10-12</t>
  </si>
  <si>
    <t>0852　21-2587</t>
  </si>
  <si>
    <t>私</t>
  </si>
  <si>
    <t>松尾保育所</t>
  </si>
  <si>
    <t>松江市松尾町731-1</t>
  </si>
  <si>
    <t>0852　21-5087</t>
  </si>
  <si>
    <t>松江ナザレン保育園</t>
  </si>
  <si>
    <t>松江市東朝日町93</t>
  </si>
  <si>
    <t>0852　23-1215</t>
  </si>
  <si>
    <t>しらゆり千鳥保育園</t>
  </si>
  <si>
    <t>松江市北田町188-3</t>
  </si>
  <si>
    <t>0852　21-3440</t>
  </si>
  <si>
    <t>松江市東朝日町232</t>
  </si>
  <si>
    <t>0852　21-4148</t>
  </si>
  <si>
    <t>法吉保育所</t>
  </si>
  <si>
    <t>0852　21-0307</t>
  </si>
  <si>
    <t>本庄保育所</t>
  </si>
  <si>
    <t>松江市本庄町112-5</t>
  </si>
  <si>
    <t>0852　34-0524</t>
  </si>
  <si>
    <t>乃木保育所</t>
  </si>
  <si>
    <t>松江市浜乃木6丁目22-14</t>
  </si>
  <si>
    <t>0852　21-9560</t>
  </si>
  <si>
    <t>しらとり保育所</t>
  </si>
  <si>
    <t>松江市内中原町190</t>
  </si>
  <si>
    <t>0852　21-5181</t>
  </si>
  <si>
    <t>嵩見保育所</t>
  </si>
  <si>
    <t>0852　22-3044</t>
  </si>
  <si>
    <t>しらゆり保育園</t>
  </si>
  <si>
    <t>0852　22-3803</t>
  </si>
  <si>
    <t>みどり保育所</t>
  </si>
  <si>
    <t>松江市上乃木1丁目2-37</t>
  </si>
  <si>
    <t>0852　22-2218</t>
  </si>
  <si>
    <t>愛恵保育園</t>
  </si>
  <si>
    <t>0852　22-2921</t>
  </si>
  <si>
    <t>しらゆり第２保育園</t>
  </si>
  <si>
    <t>0852　23-3340</t>
  </si>
  <si>
    <t>わかたけ保育園</t>
  </si>
  <si>
    <t>松江市八幡町263-12</t>
  </si>
  <si>
    <t>0852　37-0200</t>
  </si>
  <si>
    <t>袖師保育所</t>
  </si>
  <si>
    <t>松江市西嫁島1丁目2-35</t>
  </si>
  <si>
    <t>0852　24-6728</t>
  </si>
  <si>
    <t>なかよし保育園</t>
  </si>
  <si>
    <t>松江市古志原6丁目9-34</t>
  </si>
  <si>
    <t>0852　24-6131</t>
  </si>
  <si>
    <t>松江市西津田7丁目9-5</t>
  </si>
  <si>
    <t>0852　31-2222</t>
  </si>
  <si>
    <t>松江市比津が丘4丁目2-34</t>
  </si>
  <si>
    <t>0852　26-2025</t>
  </si>
  <si>
    <t>こばと保育園</t>
  </si>
  <si>
    <t>0852　26-7161</t>
  </si>
  <si>
    <t>しらゆり第３保育園</t>
  </si>
  <si>
    <t>松江市矢田町484-6</t>
  </si>
  <si>
    <t>0852　26-2356</t>
  </si>
  <si>
    <t>虹の子保育園</t>
  </si>
  <si>
    <t>松江市西津田9丁目2-40</t>
  </si>
  <si>
    <t>0852　21-5126</t>
  </si>
  <si>
    <t>みずうみ保育園</t>
  </si>
  <si>
    <t>松江市法吉町627－5</t>
  </si>
  <si>
    <t>0852  24-2525</t>
  </si>
  <si>
    <t>直江保育所</t>
  </si>
  <si>
    <t>0853　72-2050</t>
  </si>
  <si>
    <t>出東保育園</t>
  </si>
  <si>
    <t>0853　62-3362</t>
  </si>
  <si>
    <t>出西保育園</t>
  </si>
  <si>
    <t>0853　72-1107</t>
  </si>
  <si>
    <t>荘原保育園</t>
  </si>
  <si>
    <t>0853　72-6984</t>
  </si>
  <si>
    <t>0853　72-1331</t>
  </si>
  <si>
    <t>0853　72-2051</t>
  </si>
  <si>
    <t>かきのき保育所</t>
  </si>
  <si>
    <t>七光保育所</t>
  </si>
  <si>
    <t>六日市保育所</t>
  </si>
  <si>
    <t>知夫村</t>
  </si>
  <si>
    <t>郡保育所</t>
  </si>
  <si>
    <t>隠岐郡知夫村1563-1</t>
  </si>
  <si>
    <t>08514　8-2076</t>
  </si>
  <si>
    <t>0855　75-0054</t>
  </si>
  <si>
    <t>0855　82-2217</t>
  </si>
  <si>
    <t>川本町</t>
  </si>
  <si>
    <t>川本保育所</t>
  </si>
  <si>
    <t>邑智郡川本町大字川本243-3</t>
  </si>
  <si>
    <t>0855　72-0169</t>
  </si>
  <si>
    <t>因原保育所</t>
  </si>
  <si>
    <t>邑智郡川本町大字因原198-9</t>
  </si>
  <si>
    <t>0855　72-1348</t>
  </si>
  <si>
    <t>川本北保育所</t>
  </si>
  <si>
    <t>邑智郡川本町大字南佐木201-3</t>
  </si>
  <si>
    <t>0855　74-0266</t>
  </si>
  <si>
    <t>西ノ島町</t>
  </si>
  <si>
    <t>08514　6-0450</t>
  </si>
  <si>
    <t>シオン保育園</t>
  </si>
  <si>
    <t>隠岐郡西ノ島町大字別府149-9</t>
  </si>
  <si>
    <t>08514　7-8411</t>
  </si>
  <si>
    <t>江津市</t>
  </si>
  <si>
    <t>渡津保育所</t>
  </si>
  <si>
    <t>江津市渡津町508-1</t>
  </si>
  <si>
    <t>0855　52-2082</t>
  </si>
  <si>
    <t>谷住郷保育所</t>
  </si>
  <si>
    <t>0855　92-0338</t>
  </si>
  <si>
    <t>波子保育所</t>
  </si>
  <si>
    <t>江津市波子町イ1251</t>
  </si>
  <si>
    <t>0855　53-2088</t>
  </si>
  <si>
    <t>江津市都野津町2325-3</t>
  </si>
  <si>
    <t>0855　53-2555</t>
  </si>
  <si>
    <t>敬川保育所</t>
  </si>
  <si>
    <t>江津市敬川町1119-13</t>
  </si>
  <si>
    <t>0855　53-2233</t>
  </si>
  <si>
    <t>0855　55-0017</t>
  </si>
  <si>
    <t>江津市嘉久志町イ1050</t>
  </si>
  <si>
    <t>0855  52-5280</t>
  </si>
  <si>
    <t>阿須那保育所</t>
  </si>
  <si>
    <t>0855　88-0040</t>
  </si>
  <si>
    <t>口羽保育所</t>
  </si>
  <si>
    <t>0855　87-0158</t>
  </si>
  <si>
    <t>日貫保育所</t>
  </si>
  <si>
    <t>0855　97-0905</t>
  </si>
  <si>
    <t>0855　95-0267</t>
  </si>
  <si>
    <t>東保育所</t>
  </si>
  <si>
    <t>0855　95-0928</t>
  </si>
  <si>
    <t>市木保育園</t>
  </si>
  <si>
    <t>0855　85-0067</t>
  </si>
  <si>
    <t>出羽保育園</t>
  </si>
  <si>
    <t>0855　83-1330</t>
  </si>
  <si>
    <t>高原保育園</t>
  </si>
  <si>
    <t>0855　84-0529</t>
  </si>
  <si>
    <t>東光保育園</t>
  </si>
  <si>
    <t>0855　83-0506</t>
  </si>
  <si>
    <t>横田保育所</t>
  </si>
  <si>
    <t>0854　52-2296</t>
  </si>
  <si>
    <t>阿井保育所</t>
  </si>
  <si>
    <t>0854　56-0054</t>
  </si>
  <si>
    <t>三成保育所</t>
  </si>
  <si>
    <t>0854　54-0200</t>
  </si>
  <si>
    <t>安来市</t>
  </si>
  <si>
    <t>安来市飯梨町447-2</t>
  </si>
  <si>
    <t>0854　28-6447</t>
  </si>
  <si>
    <t>安来市大塚町399-1</t>
  </si>
  <si>
    <t>0854　27-0051</t>
  </si>
  <si>
    <t>安来保育所</t>
  </si>
  <si>
    <t>安来市安来町858-6</t>
  </si>
  <si>
    <t>0854　22-2219</t>
  </si>
  <si>
    <t>切川保育所</t>
  </si>
  <si>
    <t>安来市切川町624-2</t>
  </si>
  <si>
    <t>0854　22-3815</t>
  </si>
  <si>
    <t>城谷保育所</t>
  </si>
  <si>
    <t>0854　36-0227</t>
  </si>
  <si>
    <t>0854　32-3807</t>
  </si>
  <si>
    <t>0854　34-0244</t>
  </si>
  <si>
    <t>0854　37-1382</t>
  </si>
  <si>
    <t>0854　37-0059</t>
  </si>
  <si>
    <t>0854　37-1059</t>
  </si>
  <si>
    <t>0854　38-0210</t>
  </si>
  <si>
    <t>0854　22-2496</t>
  </si>
  <si>
    <t>みゆき保育園</t>
  </si>
  <si>
    <t>安来市安来町924-3</t>
  </si>
  <si>
    <t>0854　22-3567</t>
  </si>
  <si>
    <t>ひろせ保育園</t>
  </si>
  <si>
    <t>揖屋保育園</t>
  </si>
  <si>
    <t>0852　52-5441</t>
  </si>
  <si>
    <t>意東保育園</t>
  </si>
  <si>
    <t>0852　52-3067</t>
  </si>
  <si>
    <t>出雲郷保育園</t>
  </si>
  <si>
    <t>0852　52-5151</t>
  </si>
  <si>
    <t>浜田市</t>
  </si>
  <si>
    <t>みのり保育園</t>
  </si>
  <si>
    <t>浜田市日脚町771</t>
  </si>
  <si>
    <t>0855　27-1064</t>
  </si>
  <si>
    <t>美川保育園</t>
  </si>
  <si>
    <t>0855　27-3919</t>
  </si>
  <si>
    <t>0855　48-2613</t>
  </si>
  <si>
    <t>0855　48-2056</t>
  </si>
  <si>
    <t>浜田ひかり保育所</t>
  </si>
  <si>
    <t>浜田市原町79-4</t>
  </si>
  <si>
    <t>0855　23-0986</t>
  </si>
  <si>
    <t>聖バルナバ保育園</t>
  </si>
  <si>
    <t>浜田市浅井町260</t>
  </si>
  <si>
    <t>0855　23-1239</t>
  </si>
  <si>
    <t>れんげ保育園</t>
  </si>
  <si>
    <t>浜田市熱田町566-22</t>
  </si>
  <si>
    <t>0855　26-1353</t>
  </si>
  <si>
    <t>あおい保育園</t>
  </si>
  <si>
    <t>浜田市大辻町87-1</t>
  </si>
  <si>
    <t>0855　23-5874</t>
  </si>
  <si>
    <t>今福保育園</t>
  </si>
  <si>
    <t>0855　42-1769</t>
  </si>
  <si>
    <t>波佐保育園</t>
  </si>
  <si>
    <t>0855　44-0449</t>
  </si>
  <si>
    <t>くもぎ保育園</t>
  </si>
  <si>
    <t>0855　42-0009</t>
  </si>
  <si>
    <t>おぐに保育園</t>
  </si>
  <si>
    <t>0855　44-0136</t>
  </si>
  <si>
    <t>三隅保育所</t>
  </si>
  <si>
    <t>0855　32-0044</t>
  </si>
  <si>
    <t>岡見保育所</t>
  </si>
  <si>
    <t>0855　32-1382</t>
  </si>
  <si>
    <t>三保保育園</t>
  </si>
  <si>
    <t>0855　32-0372</t>
  </si>
  <si>
    <t>津和野町</t>
  </si>
  <si>
    <t>日原保育園</t>
  </si>
  <si>
    <t>青原保育園</t>
  </si>
  <si>
    <t>津和野幼花園</t>
  </si>
  <si>
    <t>益田市</t>
  </si>
  <si>
    <t>匹見保育所</t>
  </si>
  <si>
    <t>益田市水分町7-50</t>
  </si>
  <si>
    <t>0856　22-1730</t>
  </si>
  <si>
    <t>高津保育園</t>
  </si>
  <si>
    <t>0856　22-4217</t>
  </si>
  <si>
    <t>まるに保育所</t>
  </si>
  <si>
    <t>益田市白上町イ1111-3</t>
  </si>
  <si>
    <t>0856　28-0090</t>
  </si>
  <si>
    <t>横田保育園</t>
  </si>
  <si>
    <t>益田市横田町1817-3</t>
  </si>
  <si>
    <t>0856　25-1001</t>
  </si>
  <si>
    <t>若葉保育園</t>
  </si>
  <si>
    <t>益田市横田町86-2</t>
  </si>
  <si>
    <t>0856　25-1298</t>
  </si>
  <si>
    <t>真砂保育園</t>
  </si>
  <si>
    <t>益田市波田町イ425</t>
  </si>
  <si>
    <t>0856　26-0106</t>
  </si>
  <si>
    <t>北仙道保育所</t>
  </si>
  <si>
    <t>益田市大草町1088-10</t>
  </si>
  <si>
    <t>0856　22-7301</t>
  </si>
  <si>
    <t>梅賀山保育園</t>
  </si>
  <si>
    <t>益田市本俣賀町5</t>
  </si>
  <si>
    <t>0856　25-2905</t>
  </si>
  <si>
    <t>遠田保育園</t>
  </si>
  <si>
    <t>益田市遠田町783-1</t>
  </si>
  <si>
    <t>0856　27-0055</t>
  </si>
  <si>
    <t>鎌手保育所</t>
  </si>
  <si>
    <t>小野保育所</t>
  </si>
  <si>
    <t>益田市小浜町471-3</t>
  </si>
  <si>
    <t>0856　28-0045</t>
  </si>
  <si>
    <t>中須保育所</t>
  </si>
  <si>
    <t>益田市中須町143-1</t>
  </si>
  <si>
    <t>0856　22-3215</t>
  </si>
  <si>
    <t>雪舟保育所</t>
  </si>
  <si>
    <t>益田市乙吉町イ1202</t>
  </si>
  <si>
    <t>0856　22-8658</t>
  </si>
  <si>
    <t>0856　23-0530</t>
  </si>
  <si>
    <t>益田市七尾町7-5</t>
  </si>
  <si>
    <t>0856　22-1467</t>
  </si>
  <si>
    <t>益田市須子町27-17</t>
  </si>
  <si>
    <t>0856　23-1709</t>
  </si>
  <si>
    <t>常盤乳児園</t>
  </si>
  <si>
    <t>益田市常盤町4-22</t>
  </si>
  <si>
    <t>0856　22-0951</t>
  </si>
  <si>
    <t>0856　25-2094</t>
  </si>
  <si>
    <t>緑ケ丘保育所</t>
  </si>
  <si>
    <t>0856　23-1283</t>
  </si>
  <si>
    <t>0856　23-0567</t>
  </si>
  <si>
    <t>大東保育園</t>
  </si>
  <si>
    <t>かもめ保育園</t>
  </si>
  <si>
    <t>斐伊保育所</t>
  </si>
  <si>
    <t>0854　42-1008</t>
  </si>
  <si>
    <t>0854　45-2651</t>
  </si>
  <si>
    <t>0854　74-0330</t>
  </si>
  <si>
    <t>0854　75-0201</t>
  </si>
  <si>
    <t>あおぞら保育園</t>
  </si>
  <si>
    <t>0854　43-3129</t>
  </si>
  <si>
    <t>海士町</t>
  </si>
  <si>
    <t>08514　2-0540</t>
  </si>
  <si>
    <t>益田市須子町18-13</t>
  </si>
  <si>
    <t>0856　23-4588</t>
  </si>
  <si>
    <t>わかくさ保育園</t>
  </si>
  <si>
    <t>益田市上黒谷町526-5</t>
  </si>
  <si>
    <t>0856　29-0104</t>
  </si>
  <si>
    <t>川登保育園</t>
  </si>
  <si>
    <t>0856　28-1067</t>
  </si>
  <si>
    <t>めばえ保育園</t>
  </si>
  <si>
    <t>益田市東町29-48</t>
  </si>
  <si>
    <t>0856　22-7343</t>
  </si>
  <si>
    <t>すみれ保育園</t>
  </si>
  <si>
    <t>益田市東町3-21</t>
  </si>
  <si>
    <t>豊川保育園</t>
  </si>
  <si>
    <t>益田市大谷町496-3</t>
  </si>
  <si>
    <t>0856　22-1629</t>
  </si>
  <si>
    <t>都茂保育所</t>
  </si>
  <si>
    <t>0856　52-2006</t>
  </si>
  <si>
    <t>東仙道保育所</t>
  </si>
  <si>
    <t>0856　52-2033</t>
  </si>
  <si>
    <t>さつき保育所</t>
  </si>
  <si>
    <t>0854　73-0474</t>
  </si>
  <si>
    <t>桜ケ台保育所</t>
  </si>
  <si>
    <t>0854　72-0237</t>
  </si>
  <si>
    <t>赤名保育所</t>
  </si>
  <si>
    <t>0854　76-2792</t>
  </si>
  <si>
    <t>来島保育所</t>
  </si>
  <si>
    <t>0854　76-3284</t>
  </si>
  <si>
    <t>出雲市</t>
  </si>
  <si>
    <t>中央保育所</t>
  </si>
  <si>
    <t>出雲市今市町828-2</t>
  </si>
  <si>
    <t>0853　21-0597</t>
  </si>
  <si>
    <t>窪田保育所</t>
  </si>
  <si>
    <t>0853　85-2224</t>
  </si>
  <si>
    <t>西園保育園</t>
  </si>
  <si>
    <t>出雲市西園町329</t>
  </si>
  <si>
    <t>0853　28-0137</t>
  </si>
  <si>
    <t>神門保育園</t>
  </si>
  <si>
    <t>0853　21-0846</t>
  </si>
  <si>
    <t>荒茅保育園</t>
  </si>
  <si>
    <t>出雲市荒茅町1021-6</t>
  </si>
  <si>
    <t>0853　28-0940</t>
  </si>
  <si>
    <t>出雲乳児保育所</t>
  </si>
  <si>
    <t>出雲市今市町1694-9</t>
  </si>
  <si>
    <t>0853　21-0774</t>
  </si>
  <si>
    <t>出雲市今市町284</t>
  </si>
  <si>
    <t>0853　21-3620</t>
  </si>
  <si>
    <t>あすなろ保育園</t>
  </si>
  <si>
    <t>0853　21-4848</t>
  </si>
  <si>
    <t>きんろう保育園</t>
  </si>
  <si>
    <t>出雲市大津新崎町7丁目59</t>
  </si>
  <si>
    <t>0853　22-1313</t>
  </si>
  <si>
    <t>おやま保育園</t>
  </si>
  <si>
    <t>出雲市小山町618-1</t>
  </si>
  <si>
    <t>0853　23-6008</t>
  </si>
  <si>
    <t>松江市田和山町108</t>
  </si>
  <si>
    <t>0852　60-2605</t>
  </si>
  <si>
    <t>松江市鹿島町御津799-2</t>
  </si>
  <si>
    <t>松江市鹿島町武代181</t>
  </si>
  <si>
    <t>マリン保育所</t>
  </si>
  <si>
    <t>松江市島根町大芦2189-2</t>
  </si>
  <si>
    <t>0852　85-2064</t>
  </si>
  <si>
    <t>松江市島根町野波2321-2</t>
  </si>
  <si>
    <t>0852　85-2346</t>
  </si>
  <si>
    <t>美保関西保育所</t>
  </si>
  <si>
    <t>松江市美保関町北浦658-1</t>
  </si>
  <si>
    <t>0852　75-0534</t>
  </si>
  <si>
    <t>美保関東保育所</t>
  </si>
  <si>
    <t>松江市美保関町森山650-1</t>
  </si>
  <si>
    <t>0852　72-9210</t>
  </si>
  <si>
    <t>松江市宍道町宍道458番2</t>
  </si>
  <si>
    <t>0852　66-8008</t>
  </si>
  <si>
    <t>やつか保育園</t>
  </si>
  <si>
    <t>松江市八束町波入1975番地2</t>
  </si>
  <si>
    <t>0852　76-9255</t>
  </si>
  <si>
    <t>松江市東出雲町揖屋2198</t>
  </si>
  <si>
    <t>松江市東出雲町下意東751</t>
  </si>
  <si>
    <t>松江市東出雲町出雲郷927</t>
  </si>
  <si>
    <t>松江市西持田町336-5</t>
  </si>
  <si>
    <t>松江市春日町489-1</t>
  </si>
  <si>
    <t>松江市比津町314-1</t>
  </si>
  <si>
    <t>0852  28-2218</t>
  </si>
  <si>
    <t>みずうみ第２保育園</t>
  </si>
  <si>
    <t>松江市法吉町722-4</t>
  </si>
  <si>
    <t>0852  31-5545</t>
  </si>
  <si>
    <t>松江市八雲町東岩坂393-1</t>
  </si>
  <si>
    <t>松江市玉湯町湯町1997</t>
  </si>
  <si>
    <t>ひよし保育園</t>
  </si>
  <si>
    <t>松江市八雲町日吉333-143</t>
  </si>
  <si>
    <t>0852　54-1128</t>
  </si>
  <si>
    <t>松江市浜佐田町126-1</t>
  </si>
  <si>
    <t>0852　36-5528</t>
  </si>
  <si>
    <t>みつき田和山保育園</t>
  </si>
  <si>
    <t>松江市乃白町161-1</t>
  </si>
  <si>
    <t>0852  21-0707</t>
  </si>
  <si>
    <t>みつき田和山夜間保育園</t>
  </si>
  <si>
    <t>松江市浜乃木6丁目1-2</t>
  </si>
  <si>
    <t>0852  60-1707</t>
  </si>
  <si>
    <t>運動公園前保育所チャイルド</t>
  </si>
  <si>
    <t>松江市上乃木9丁目20-10</t>
  </si>
  <si>
    <t>0852  26-6600</t>
  </si>
  <si>
    <t>松原保育園</t>
  </si>
  <si>
    <t>松江市津田町324</t>
  </si>
  <si>
    <t>0852　21-9835</t>
  </si>
  <si>
    <t>浜佐田保育園</t>
  </si>
  <si>
    <t>松江市浜佐田町545-1</t>
  </si>
  <si>
    <t>0852　22-7322</t>
  </si>
  <si>
    <t>みつき乳児保育園</t>
  </si>
  <si>
    <t>松江市西津田七丁目9-1</t>
  </si>
  <si>
    <t>0852　60-7200</t>
  </si>
  <si>
    <t>みのり乳児保育園</t>
  </si>
  <si>
    <t>松江市浜佐田町125</t>
  </si>
  <si>
    <t>0852　36-4322</t>
  </si>
  <si>
    <t>育英保育園</t>
  </si>
  <si>
    <t>松江市大庭町1197-1</t>
  </si>
  <si>
    <t>0852　61-1981</t>
  </si>
  <si>
    <t>たまち乳児保育園</t>
  </si>
  <si>
    <t>松江市西川津町1610-2</t>
  </si>
  <si>
    <t>0852  60-1160</t>
  </si>
  <si>
    <t>比津ヶ丘保育園わらべのその</t>
  </si>
  <si>
    <t>松江市比津町317</t>
  </si>
  <si>
    <t>0852  28-2248</t>
  </si>
  <si>
    <t>みつき田和山第２保育園</t>
  </si>
  <si>
    <t>松江市乃白町163-1</t>
  </si>
  <si>
    <t>0852  60-1807</t>
  </si>
  <si>
    <t>みのり黒田保育園</t>
  </si>
  <si>
    <t>松江市黒田町348番3</t>
  </si>
  <si>
    <t>0852　60-0830</t>
  </si>
  <si>
    <t>なの花保育園</t>
  </si>
  <si>
    <t>松江市大庭町1132</t>
  </si>
  <si>
    <t>0852　59-5015</t>
  </si>
  <si>
    <t>松江市学園二丁目7-10</t>
  </si>
  <si>
    <t>0852　60-1511</t>
  </si>
  <si>
    <t>笑美保育所</t>
  </si>
  <si>
    <t>松江市北陵町60番１</t>
  </si>
  <si>
    <t>0852　67-2580</t>
  </si>
  <si>
    <t>ひよし第２保育園</t>
  </si>
  <si>
    <t>松江市馬潟町字帰り木115-3</t>
  </si>
  <si>
    <t>0852　67-1153</t>
  </si>
  <si>
    <t>錦新町保育園</t>
  </si>
  <si>
    <t>0852　52-7423</t>
  </si>
  <si>
    <t>みつき出雲郷保育園</t>
  </si>
  <si>
    <t>松江市東出雲町意宇東三丁目3番１</t>
  </si>
  <si>
    <t>0852　53-0301</t>
  </si>
  <si>
    <t>益田市匹見町匹見イ1225</t>
  </si>
  <si>
    <t>益田市西平原町580-5</t>
  </si>
  <si>
    <t>須子保育園</t>
  </si>
  <si>
    <t>益田市高津8丁目12-7</t>
  </si>
  <si>
    <t>益田市久城町1017-7</t>
  </si>
  <si>
    <t>0856　23-2655</t>
  </si>
  <si>
    <t>益田市美都町山本イ5-9</t>
  </si>
  <si>
    <t>益田市美都町仙道253-3</t>
  </si>
  <si>
    <t>安来市広瀬町布部233-2</t>
  </si>
  <si>
    <t>安来市広瀬町広瀬631-1</t>
  </si>
  <si>
    <t>安来市広瀬町西比田1701-1</t>
  </si>
  <si>
    <t>安来市伯太町西母里1042-1</t>
  </si>
  <si>
    <t>安来市伯太町安田中166</t>
  </si>
  <si>
    <t>安来市伯太町井尻857-1</t>
  </si>
  <si>
    <t>安来市伯太町赤屋122-1</t>
  </si>
  <si>
    <t>やすぎ保育園</t>
  </si>
  <si>
    <t>安来市安来町1134-1</t>
  </si>
  <si>
    <t>安来市広瀬町広瀬1834-1</t>
  </si>
  <si>
    <t>0854　32-4718</t>
  </si>
  <si>
    <t>0854　23-1557</t>
  </si>
  <si>
    <t>雲南市</t>
  </si>
  <si>
    <t>雲南市大東町大東1663</t>
  </si>
  <si>
    <t>0854　43-6132</t>
  </si>
  <si>
    <t>雲南市木次町里方915-1</t>
  </si>
  <si>
    <t>雲南市三刀屋町三刀屋1188-1</t>
  </si>
  <si>
    <t>雲南市吉田町吉田2664</t>
  </si>
  <si>
    <t>雲南市吉田町深野244-4</t>
  </si>
  <si>
    <t>雲南市掛合町掛合2149-2</t>
  </si>
  <si>
    <t>0854　62-9900</t>
  </si>
  <si>
    <t>雲南市大東町下阿用691-2</t>
  </si>
  <si>
    <t>四ツ葉学園保育所</t>
  </si>
  <si>
    <t>雲南市木次町里方869-5</t>
  </si>
  <si>
    <t>0854　42-0616</t>
  </si>
  <si>
    <t>たちばら保育園</t>
  </si>
  <si>
    <t>雲南市加茂町立原438-1</t>
  </si>
  <si>
    <t>0854　49-8122</t>
  </si>
  <si>
    <t>0854  82-0887</t>
  </si>
  <si>
    <t>0854  82-7433</t>
  </si>
  <si>
    <t>0854  84-8233</t>
  </si>
  <si>
    <t>0854  82-8823</t>
  </si>
  <si>
    <t>0854  85-7135</t>
  </si>
  <si>
    <t>0854  84-8542</t>
  </si>
  <si>
    <t>0854  83-2284</t>
  </si>
  <si>
    <t>大田市水上町福原52</t>
  </si>
  <si>
    <t>0854  89-0339</t>
  </si>
  <si>
    <t>大田市温泉津町小浜イ306-1</t>
  </si>
  <si>
    <t>大田市温泉津町湯里1635-5</t>
  </si>
  <si>
    <t>大田市仁摩町仁万559-1</t>
  </si>
  <si>
    <t>0854　88-9100</t>
  </si>
  <si>
    <t>大田市三瓶町志学2065-2</t>
  </si>
  <si>
    <t>0854　83-3681</t>
  </si>
  <si>
    <t>大田市大田町吉永1355-1</t>
  </si>
  <si>
    <t>0854　82-1791</t>
  </si>
  <si>
    <t>0854　88-3324</t>
  </si>
  <si>
    <t>いそたけ保育園</t>
  </si>
  <si>
    <t>大田市五十猛町1473</t>
  </si>
  <si>
    <t>0854  87-0689</t>
  </si>
  <si>
    <t>大田市大田町大田イ269-13</t>
  </si>
  <si>
    <t>0854  82-0187</t>
  </si>
  <si>
    <t>サンチャイルド長久さわらび園</t>
  </si>
  <si>
    <t>0854  82-3988</t>
  </si>
  <si>
    <t>たから保育園</t>
  </si>
  <si>
    <t>大田市長久町長久ロ268-2</t>
  </si>
  <si>
    <t>0854  83-7880</t>
  </si>
  <si>
    <t>鹿足郡津和野町日原25</t>
  </si>
  <si>
    <t>0856  74-0742</t>
  </si>
  <si>
    <t>0856  75-0230</t>
  </si>
  <si>
    <t>鹿足郡津和野町後田ロ66</t>
  </si>
  <si>
    <t>0856  72-0218</t>
  </si>
  <si>
    <t>江津市桜江町谷住郷1824-1</t>
  </si>
  <si>
    <t>めぐみ保育園</t>
  </si>
  <si>
    <t>江津市江津町1016-47</t>
  </si>
  <si>
    <t>0855　52-2555</t>
  </si>
  <si>
    <t>浜田市内村町809-1</t>
  </si>
  <si>
    <t>杵束保育園</t>
  </si>
  <si>
    <t>浜田市弥栄町木都賀イ539-5</t>
  </si>
  <si>
    <t>浜田市弥栄町長安本郷552-17</t>
  </si>
  <si>
    <t>浜田市金城町今福1422-3</t>
  </si>
  <si>
    <t>浜田市金城町波佐イ550-4</t>
  </si>
  <si>
    <t>浜田市金城町七条イ977-11</t>
  </si>
  <si>
    <t>浜田市金城町小国イ142-1</t>
  </si>
  <si>
    <t>浜田市三隅町向野田604</t>
  </si>
  <si>
    <t>浜田市三隅町岡見515-1</t>
  </si>
  <si>
    <t>浜田市三隅町湊浦352</t>
  </si>
  <si>
    <t>浜田市旭町丸原155-15</t>
  </si>
  <si>
    <t>0855　45-8181</t>
  </si>
  <si>
    <t>うみかぜ保育園</t>
  </si>
  <si>
    <t>浜田市久代町882番地</t>
  </si>
  <si>
    <t>0855　24-8444</t>
  </si>
  <si>
    <t>須佐保育所</t>
  </si>
  <si>
    <t>出雲市佐田町須佐1146</t>
  </si>
  <si>
    <t>0853　84-0125</t>
  </si>
  <si>
    <t>出雲市佐田町一窪田1430-1</t>
  </si>
  <si>
    <t>神門第Ⅱ保育園</t>
  </si>
  <si>
    <t>出雲市西新町3丁目1-2</t>
  </si>
  <si>
    <t>0853  24-6331</t>
  </si>
  <si>
    <t>出雲聖園マリア園</t>
  </si>
  <si>
    <t>出雲市白枝町394-1</t>
  </si>
  <si>
    <t>出雲市白枝町1337-8</t>
  </si>
  <si>
    <t>0853　21-7188</t>
  </si>
  <si>
    <t>出雲市天神町870-2</t>
  </si>
  <si>
    <t>古志ひまわり保育園</t>
  </si>
  <si>
    <t>0853  23-1504</t>
  </si>
  <si>
    <t>出雲市中野美保南三丁目1-1</t>
  </si>
  <si>
    <t>0853　21-8080</t>
  </si>
  <si>
    <t>出雲市上塩冶町1751-4</t>
  </si>
  <si>
    <t>ねむの木保育園</t>
  </si>
  <si>
    <t>出雲市駅南町１丁目12-1</t>
  </si>
  <si>
    <t>0853  22-8551</t>
  </si>
  <si>
    <t>ねむの木夜間保育園</t>
  </si>
  <si>
    <t>ひらた西保育園</t>
  </si>
  <si>
    <t>出雲市国富町57-1</t>
  </si>
  <si>
    <t>0853  63-7500</t>
  </si>
  <si>
    <t>浜山あおい保育園</t>
  </si>
  <si>
    <t>出雲市天神町111-1</t>
  </si>
  <si>
    <t>0853　23-8825</t>
  </si>
  <si>
    <t>出雲すみれ保育園</t>
  </si>
  <si>
    <t>出雲市塩冶町971-1</t>
  </si>
  <si>
    <t>0853  24-1122</t>
  </si>
  <si>
    <t>出雲サンサン保育園</t>
  </si>
  <si>
    <t>出雲市神西沖町1315</t>
  </si>
  <si>
    <t>0853  43-7033</t>
  </si>
  <si>
    <t>ひかり保育園</t>
  </si>
  <si>
    <t>0853  21-3808</t>
  </si>
  <si>
    <t>みなみ保育所</t>
  </si>
  <si>
    <t>出雲市東福町420-1</t>
  </si>
  <si>
    <t>出雲市坂浦町2478-1</t>
  </si>
  <si>
    <t>出雲市大社町入南1307-5</t>
  </si>
  <si>
    <t>一の谷保育園</t>
  </si>
  <si>
    <t>出雲市大津町3627-8</t>
  </si>
  <si>
    <t>0853　30-7077</t>
  </si>
  <si>
    <t>ほくよう保育園</t>
  </si>
  <si>
    <t>出雲市稲岡町372</t>
  </si>
  <si>
    <t>0853　31-8839</t>
  </si>
  <si>
    <t>平田保育所</t>
  </si>
  <si>
    <t>出雲市平田町475-9</t>
  </si>
  <si>
    <t>0853　62-3207</t>
  </si>
  <si>
    <t>たいしゃ保育園</t>
  </si>
  <si>
    <t>出雲市大社町杵築南1235</t>
  </si>
  <si>
    <t>出雲市斐川町美南1500</t>
  </si>
  <si>
    <t>出雲市斐川町三分市1071-4</t>
  </si>
  <si>
    <t>出雲市斐川町出西1943</t>
  </si>
  <si>
    <t>出雲市斐川町上庄原305-1</t>
  </si>
  <si>
    <t>東部保育園</t>
  </si>
  <si>
    <t>あい川保育園</t>
  </si>
  <si>
    <t>出雲市斐川町併川1500-1</t>
  </si>
  <si>
    <t>0853　31-8686</t>
  </si>
  <si>
    <t>わらべのうち保育園</t>
  </si>
  <si>
    <t>出雲市斐川町神氷2861-8</t>
  </si>
  <si>
    <t>0853　72-7788</t>
  </si>
  <si>
    <t>伊波野保育園</t>
  </si>
  <si>
    <t>出雲市斐川町富村1206</t>
  </si>
  <si>
    <t>出雲市湖陵町二部1745-2</t>
  </si>
  <si>
    <t>安来市島田町1203-1</t>
  </si>
  <si>
    <t>0854　53-0456</t>
  </si>
  <si>
    <t>0854　54-1294</t>
  </si>
  <si>
    <t>0854　52-2314</t>
  </si>
  <si>
    <t>仁多郡奥出雲町大呂1127-4</t>
  </si>
  <si>
    <t>0854  52-2129</t>
  </si>
  <si>
    <t>0854　57-0250</t>
  </si>
  <si>
    <t>0856  78-0310</t>
  </si>
  <si>
    <t>0856  77-0132</t>
  </si>
  <si>
    <t>大田市長久町土江71‐3</t>
  </si>
  <si>
    <t>0855　92-1068</t>
  </si>
  <si>
    <t>出雲市塩冶町338-1</t>
  </si>
  <si>
    <t>認定こども園
認定</t>
  </si>
  <si>
    <t>備　考</t>
  </si>
  <si>
    <t>幼保園のぎ（保育所部門）</t>
  </si>
  <si>
    <t>しんじ幼保園（保育所部門）</t>
  </si>
  <si>
    <t>松江市大庭町135-1</t>
  </si>
  <si>
    <t>松江市北堀町66番地9</t>
  </si>
  <si>
    <t>松江市東津田町557-2</t>
  </si>
  <si>
    <t>みつき保育園</t>
  </si>
  <si>
    <t>○ 保育所型</t>
  </si>
  <si>
    <t>城西幼保園（保育所部門）</t>
  </si>
  <si>
    <t>松江市堂形町520</t>
  </si>
  <si>
    <t>0852　60-0450</t>
  </si>
  <si>
    <t>みつき中央保育園</t>
  </si>
  <si>
    <t>松江市本郷町1番21号</t>
  </si>
  <si>
    <t>認定こども園日脚保育園</t>
  </si>
  <si>
    <t>安城保育園</t>
  </si>
  <si>
    <t>認定こども園あさひ子ども園</t>
  </si>
  <si>
    <t>みのり第2保育園</t>
  </si>
  <si>
    <t>浜田市相生町3973‐5</t>
  </si>
  <si>
    <t>0855　25-7771</t>
    <phoneticPr fontId="1"/>
  </si>
  <si>
    <t>上府保育園</t>
  </si>
  <si>
    <t>浜田市上府町イ2488‐5</t>
  </si>
  <si>
    <t>0855　25-5100</t>
    <phoneticPr fontId="1"/>
  </si>
  <si>
    <t>出雲市下古志町475</t>
  </si>
  <si>
    <t>あすなろ第２保育園</t>
  </si>
  <si>
    <t>出雲市塩冶町869-1</t>
  </si>
  <si>
    <t>出雲市古志町2450-1</t>
  </si>
  <si>
    <t>出雲市大津町2366-1</t>
  </si>
  <si>
    <t>出雲市浜町90-1</t>
  </si>
  <si>
    <t>出雲市渡橋町662</t>
  </si>
  <si>
    <t>出雲市大津町1608－1</t>
  </si>
  <si>
    <t>出雲市平田町2390-33</t>
  </si>
  <si>
    <t>0853　31-5101</t>
  </si>
  <si>
    <t>0856　56-0023</t>
  </si>
  <si>
    <t>益田市高津1丁目40-13</t>
  </si>
  <si>
    <t>0856　27-0578</t>
  </si>
  <si>
    <t>葵保育園</t>
  </si>
  <si>
    <t>益田市赤城町5-17</t>
  </si>
  <si>
    <t>仁摩保育園</t>
    <rPh sb="4" eb="5">
      <t>エン</t>
    </rPh>
    <phoneticPr fontId="1"/>
  </si>
  <si>
    <t>大田市仁摩町宅野1315</t>
  </si>
  <si>
    <t>0854　83-7171</t>
  </si>
  <si>
    <t>認定こども園飯梨</t>
  </si>
  <si>
    <t>認定こども園大塚</t>
  </si>
  <si>
    <t>認定こども園布部</t>
  </si>
  <si>
    <t>認定こども園広瀬</t>
  </si>
  <si>
    <t>認定こども園比田</t>
  </si>
  <si>
    <t>認定こども園母里</t>
  </si>
  <si>
    <t>認定こども園安田</t>
  </si>
  <si>
    <t>認定こども園井尻</t>
  </si>
  <si>
    <t>認定こども園赤屋</t>
  </si>
  <si>
    <t>さくらこども園</t>
  </si>
  <si>
    <t>江津市後地町843番地1</t>
  </si>
  <si>
    <t>たまえ保育園</t>
  </si>
  <si>
    <t>さくらえ保育園</t>
  </si>
  <si>
    <t>江津市桜江町小田536-1</t>
  </si>
  <si>
    <t>雲南市大東町飯田146-8</t>
  </si>
  <si>
    <t>0854　43-5028</t>
  </si>
  <si>
    <t>雲南市大東町下阿用208-1</t>
  </si>
  <si>
    <t>奥出雲町</t>
  </si>
  <si>
    <t>仁多郡奥出雲町横田1125</t>
  </si>
  <si>
    <t>馬木保育所</t>
  </si>
  <si>
    <t>仁多郡奥出雲町大馬木1858-2</t>
  </si>
  <si>
    <t>仁多郡奥出雲町上阿井205</t>
  </si>
  <si>
    <t>仁多郡奥出雲町三成690-1</t>
  </si>
  <si>
    <t>布勢保育所</t>
  </si>
  <si>
    <t>仁多郡奥出雲町馬馳1324-8</t>
  </si>
  <si>
    <t>八川保育所</t>
  </si>
  <si>
    <t>仁多郡奥出雲町下横田509-1</t>
  </si>
  <si>
    <t>仁多郡奥出雲町亀嵩2204-2</t>
  </si>
  <si>
    <t>仁多郡奥出雲町三沢384-1</t>
  </si>
  <si>
    <t>0854　54-1292</t>
  </si>
  <si>
    <t>飯南町</t>
  </si>
  <si>
    <t>飯石郡飯南町八神142</t>
  </si>
  <si>
    <t>飯石郡飯南町頓原1426</t>
  </si>
  <si>
    <t>飯石郡飯南町上赤名70-7</t>
  </si>
  <si>
    <t>飯石郡飯南町野萱774-2</t>
  </si>
  <si>
    <t>美郷町</t>
  </si>
  <si>
    <t>美郷町都賀保育園</t>
  </si>
  <si>
    <t>おおち保育園</t>
  </si>
  <si>
    <t>邑智郡美郷町粕渕37番地4</t>
  </si>
  <si>
    <t>邑南町</t>
  </si>
  <si>
    <t>邑智郡邑南町日貫3053-8</t>
  </si>
  <si>
    <t>いわみ西保育所</t>
  </si>
  <si>
    <t>邑智郡邑南町矢上976-1</t>
  </si>
  <si>
    <t>邑智郡邑南町中野2310</t>
  </si>
  <si>
    <t>邑智郡邑南町市木2094-13</t>
  </si>
  <si>
    <t>邑智郡邑南町出羽293-4</t>
  </si>
  <si>
    <t>邑智郡邑南町原村644-1</t>
  </si>
  <si>
    <t>邑智郡邑南町上亀谷2185-3</t>
  </si>
  <si>
    <t>邑智郡邑南町下口羽485-1</t>
  </si>
  <si>
    <t>鹿足郡津和野町青原388</t>
  </si>
  <si>
    <t>吉賀町</t>
  </si>
  <si>
    <t>鹿足郡吉賀町柿木村柿木80-2</t>
  </si>
  <si>
    <t>0856  79-2449</t>
  </si>
  <si>
    <t>吉賀町双葉保育所</t>
  </si>
  <si>
    <t>鹿足郡吉賀町樋口631</t>
  </si>
  <si>
    <t>0856  77-1561</t>
  </si>
  <si>
    <t>鹿足郡吉賀町六日市739-3</t>
  </si>
  <si>
    <t>けいしょう保育園</t>
  </si>
  <si>
    <t>隠岐郡海士町大字海士3980-31</t>
  </si>
  <si>
    <t>みた保育園</t>
  </si>
  <si>
    <t>隠岐郡西ノ島町大字美田429-3</t>
  </si>
  <si>
    <t>隠岐の島町</t>
  </si>
  <si>
    <t>隠岐郡隠岐の島町中村1486-1</t>
  </si>
  <si>
    <t>原田認定こども園</t>
  </si>
  <si>
    <t>隠岐郡隠岐の島町原田461</t>
  </si>
  <si>
    <t>隠岐郡隠岐の島町下西462</t>
  </si>
  <si>
    <t>隠岐郡隠岐の島町郡174-2</t>
  </si>
  <si>
    <t>隠岐郡隠岐の島町都万2431</t>
  </si>
  <si>
    <t>隠岐郡隠岐の島町西町大城の一、16-9</t>
  </si>
  <si>
    <t>隠岐郡隠岐の島町下西吉賀下166-2</t>
  </si>
  <si>
    <t>隠岐郡隠岐の島町西町大城の一、16-8</t>
  </si>
  <si>
    <t>08512　2-0774</t>
  </si>
  <si>
    <t>隠岐共生学園第二夜間保育所</t>
  </si>
  <si>
    <t>隠岐郡隠岐の島町東郷川尻30-2</t>
  </si>
  <si>
    <t>大田市</t>
    <rPh sb="0" eb="3">
      <t>オオダシ</t>
    </rPh>
    <phoneticPr fontId="1"/>
  </si>
  <si>
    <t>大森さくら保育園</t>
    <rPh sb="0" eb="2">
      <t>オオモリ</t>
    </rPh>
    <rPh sb="5" eb="8">
      <t>ホイクエン</t>
    </rPh>
    <phoneticPr fontId="1"/>
  </si>
  <si>
    <t>大田市大森町ニ32</t>
    <rPh sb="0" eb="3">
      <t>オオダシ</t>
    </rPh>
    <rPh sb="3" eb="6">
      <t>オオモリチョウ</t>
    </rPh>
    <phoneticPr fontId="1"/>
  </si>
  <si>
    <t>0854　89-0669</t>
    <phoneticPr fontId="1"/>
  </si>
  <si>
    <t>かなで保育園</t>
    <rPh sb="3" eb="6">
      <t>ホイクエン</t>
    </rPh>
    <phoneticPr fontId="1"/>
  </si>
  <si>
    <t>こばと保育園</t>
    <rPh sb="3" eb="6">
      <t>ホイクエン</t>
    </rPh>
    <phoneticPr fontId="1"/>
  </si>
  <si>
    <t>みなみかも保育園</t>
    <rPh sb="5" eb="8">
      <t>ホイクエン</t>
    </rPh>
    <phoneticPr fontId="1"/>
  </si>
  <si>
    <t>にじいろ保育園</t>
    <rPh sb="4" eb="7">
      <t>ホイクエン</t>
    </rPh>
    <phoneticPr fontId="1"/>
  </si>
  <si>
    <t>松江市学園２丁目5番9号</t>
    <rPh sb="0" eb="3">
      <t>マツエシ</t>
    </rPh>
    <rPh sb="3" eb="5">
      <t>ガクエン</t>
    </rPh>
    <rPh sb="6" eb="8">
      <t>チョウメ</t>
    </rPh>
    <rPh sb="9" eb="10">
      <t>バン</t>
    </rPh>
    <rPh sb="11" eb="12">
      <t>ゴウ</t>
    </rPh>
    <phoneticPr fontId="1"/>
  </si>
  <si>
    <t>シオンこひつじ保育園</t>
    <rPh sb="7" eb="9">
      <t>ホイク</t>
    </rPh>
    <rPh sb="9" eb="10">
      <t>エン</t>
    </rPh>
    <phoneticPr fontId="1"/>
  </si>
  <si>
    <t>松江市玉湯町湯町1720-1</t>
    <rPh sb="0" eb="3">
      <t>マツエシ</t>
    </rPh>
    <rPh sb="3" eb="5">
      <t>タマユ</t>
    </rPh>
    <rPh sb="5" eb="6">
      <t>チョウ</t>
    </rPh>
    <rPh sb="6" eb="8">
      <t>ユマチ</t>
    </rPh>
    <phoneticPr fontId="1"/>
  </si>
  <si>
    <t>松江市大庭町1802-7</t>
    <rPh sb="0" eb="3">
      <t>マツエシ</t>
    </rPh>
    <rPh sb="3" eb="6">
      <t>オオバチョウ</t>
    </rPh>
    <phoneticPr fontId="1"/>
  </si>
  <si>
    <t>出雲市中野町862</t>
    <rPh sb="0" eb="3">
      <t>イズモシ</t>
    </rPh>
    <rPh sb="3" eb="6">
      <t>ナカノチョウ</t>
    </rPh>
    <phoneticPr fontId="1"/>
  </si>
  <si>
    <t>大田市長久町稲用7番地1</t>
    <rPh sb="0" eb="3">
      <t>オオダシ</t>
    </rPh>
    <rPh sb="3" eb="6">
      <t>ナガヒサチョウ</t>
    </rPh>
    <rPh sb="6" eb="8">
      <t>イナヨウ</t>
    </rPh>
    <rPh sb="9" eb="11">
      <t>バンチ</t>
    </rPh>
    <phoneticPr fontId="1"/>
  </si>
  <si>
    <t>雲南市加茂町南加茂39番地2</t>
    <rPh sb="0" eb="2">
      <t>ウンナン</t>
    </rPh>
    <rPh sb="2" eb="3">
      <t>シ</t>
    </rPh>
    <rPh sb="3" eb="6">
      <t>カモチョウ</t>
    </rPh>
    <rPh sb="6" eb="7">
      <t>ミナミ</t>
    </rPh>
    <rPh sb="7" eb="9">
      <t>カモ</t>
    </rPh>
    <rPh sb="11" eb="13">
      <t>バンチ</t>
    </rPh>
    <phoneticPr fontId="1"/>
  </si>
  <si>
    <t>益田市かもしま東町12番6</t>
    <rPh sb="0" eb="3">
      <t>マスダシ</t>
    </rPh>
    <rPh sb="7" eb="8">
      <t>ヒガシ</t>
    </rPh>
    <rPh sb="8" eb="9">
      <t>チョウ</t>
    </rPh>
    <rPh sb="11" eb="12">
      <t>バン</t>
    </rPh>
    <phoneticPr fontId="1"/>
  </si>
  <si>
    <t>松江市上乃木8丁目10-31</t>
    <rPh sb="3" eb="6">
      <t>アゲノギ</t>
    </rPh>
    <phoneticPr fontId="1"/>
  </si>
  <si>
    <t>H30.3.31休園</t>
    <rPh sb="8" eb="10">
      <t>キュウエン</t>
    </rPh>
    <phoneticPr fontId="4"/>
  </si>
  <si>
    <t>出雲市万田町764-2</t>
    <phoneticPr fontId="4"/>
  </si>
  <si>
    <t>益田市川登町107</t>
    <phoneticPr fontId="4"/>
  </si>
  <si>
    <t>認定こども園比津ケ丘保育園</t>
    <rPh sb="0" eb="2">
      <t>ニンテイ</t>
    </rPh>
    <rPh sb="5" eb="6">
      <t>エン</t>
    </rPh>
    <phoneticPr fontId="4"/>
  </si>
  <si>
    <t>認定こども園比津ケ丘保育園融合センター</t>
    <rPh sb="0" eb="2">
      <t>ニンテイ</t>
    </rPh>
    <rPh sb="5" eb="6">
      <t>エン</t>
    </rPh>
    <phoneticPr fontId="4"/>
  </si>
  <si>
    <t>認定こども園原浜保育所</t>
    <rPh sb="0" eb="2">
      <t>ニンテイ</t>
    </rPh>
    <rPh sb="5" eb="6">
      <t>エン</t>
    </rPh>
    <phoneticPr fontId="4"/>
  </si>
  <si>
    <t>認定こども園のぞみ保育園</t>
    <rPh sb="0" eb="2">
      <t>ニンテイ</t>
    </rPh>
    <rPh sb="5" eb="6">
      <t>エン</t>
    </rPh>
    <phoneticPr fontId="4"/>
  </si>
  <si>
    <t>認定こども園吉田保育所</t>
    <rPh sb="0" eb="2">
      <t>ニンテイ</t>
    </rPh>
    <rPh sb="5" eb="6">
      <t>エン</t>
    </rPh>
    <phoneticPr fontId="4"/>
  </si>
  <si>
    <t>私</t>
    <phoneticPr fontId="4"/>
  </si>
  <si>
    <t>0856　25-7330</t>
    <phoneticPr fontId="4"/>
  </si>
  <si>
    <t>出雲市斐川町荘原2300-1</t>
    <phoneticPr fontId="4"/>
  </si>
  <si>
    <t>保育所
認可定員</t>
    <phoneticPr fontId="4"/>
  </si>
  <si>
    <t>○ 保育所型</t>
    <phoneticPr fontId="4"/>
  </si>
  <si>
    <t>出雲スマイル保育園</t>
    <rPh sb="0" eb="2">
      <t>イズモ</t>
    </rPh>
    <rPh sb="6" eb="9">
      <t>ホイクエン</t>
    </rPh>
    <phoneticPr fontId="4"/>
  </si>
  <si>
    <t>吉田こども園</t>
    <rPh sb="5" eb="6">
      <t>エン</t>
    </rPh>
    <phoneticPr fontId="1"/>
  </si>
  <si>
    <t>私</t>
    <rPh sb="0" eb="1">
      <t>ワタクシ</t>
    </rPh>
    <phoneticPr fontId="4"/>
  </si>
  <si>
    <t>安来市安来町582-1</t>
    <phoneticPr fontId="4"/>
  </si>
  <si>
    <t>やくも幼保園（保育所部門）</t>
    <rPh sb="3" eb="5">
      <t>ヨウホ</t>
    </rPh>
    <rPh sb="5" eb="6">
      <t>エン</t>
    </rPh>
    <rPh sb="7" eb="10">
      <t>ホイクショ</t>
    </rPh>
    <rPh sb="10" eb="12">
      <t>ブモン</t>
    </rPh>
    <phoneticPr fontId="4"/>
  </si>
  <si>
    <t>松江市八雲町東岩坂110</t>
    <phoneticPr fontId="4"/>
  </si>
  <si>
    <t>0852　54-0024</t>
    <phoneticPr fontId="4"/>
  </si>
  <si>
    <t>松江認定こども園</t>
    <rPh sb="2" eb="4">
      <t>ニンテイ</t>
    </rPh>
    <rPh sb="7" eb="8">
      <t>エン</t>
    </rPh>
    <phoneticPr fontId="4"/>
  </si>
  <si>
    <t>○ 保育所型</t>
    <phoneticPr fontId="1"/>
  </si>
  <si>
    <t>0852  26-9280</t>
    <phoneticPr fontId="1"/>
  </si>
  <si>
    <t>なの花保育園のぎ</t>
    <rPh sb="2" eb="3">
      <t>ハナ</t>
    </rPh>
    <rPh sb="3" eb="6">
      <t>ホイクエン</t>
    </rPh>
    <phoneticPr fontId="4"/>
  </si>
  <si>
    <t>松江市浜乃木二丁目7－7</t>
    <rPh sb="0" eb="3">
      <t>マツエシ</t>
    </rPh>
    <rPh sb="3" eb="6">
      <t>ハマノギ</t>
    </rPh>
    <rPh sb="6" eb="9">
      <t>ニチョウメ</t>
    </rPh>
    <phoneticPr fontId="4"/>
  </si>
  <si>
    <t>0852　61-1611</t>
    <phoneticPr fontId="2"/>
  </si>
  <si>
    <t>浜田市相生町1391-11</t>
  </si>
  <si>
    <t>0855　23-5686</t>
  </si>
  <si>
    <t>つくし保育園</t>
  </si>
  <si>
    <t>浜田市佐野町イ359-5</t>
  </si>
  <si>
    <t>0855　42-0565</t>
  </si>
  <si>
    <t>ちどり保育所</t>
  </si>
  <si>
    <t>浜田市松原町239-1</t>
  </si>
  <si>
    <t>0855　22-0986</t>
  </si>
  <si>
    <t>ちどり第２保育所</t>
  </si>
  <si>
    <t>浜田市長浜町699-3</t>
  </si>
  <si>
    <t>0855　24-7311</t>
  </si>
  <si>
    <t>浜田市港町263-1</t>
    <phoneticPr fontId="4"/>
  </si>
  <si>
    <t>0855　22-1121</t>
  </si>
  <si>
    <t>長沢保育園</t>
  </si>
  <si>
    <t>浜田市長沢町1655-7</t>
  </si>
  <si>
    <t>0855　23-1491</t>
  </si>
  <si>
    <t>認定こども園こくふ子ども園</t>
  </si>
  <si>
    <t>浜田市国分町2205－3</t>
  </si>
  <si>
    <t>0855　24-8531</t>
  </si>
  <si>
    <t>周布保育園</t>
  </si>
  <si>
    <t>浜田市周布町イ328-2</t>
  </si>
  <si>
    <t>0855　27-1120</t>
  </si>
  <si>
    <t>隠岐共生学園乳児保育所</t>
    <phoneticPr fontId="4"/>
  </si>
  <si>
    <t>H31.4.1~休園</t>
    <rPh sb="8" eb="10">
      <t>キュウエン</t>
    </rPh>
    <phoneticPr fontId="4"/>
  </si>
  <si>
    <t>邑智郡美郷町都賀西596番4</t>
    <rPh sb="12" eb="13">
      <t>バン</t>
    </rPh>
    <phoneticPr fontId="4"/>
  </si>
  <si>
    <t>益田市神田町イ192番地9</t>
    <rPh sb="10" eb="12">
      <t>バンチ</t>
    </rPh>
    <phoneticPr fontId="4"/>
  </si>
  <si>
    <t>出雲市塩冶町1192番地2</t>
    <rPh sb="0" eb="3">
      <t>イズモシ</t>
    </rPh>
    <rPh sb="3" eb="5">
      <t>エンヤ</t>
    </rPh>
    <rPh sb="5" eb="6">
      <t>チョウ</t>
    </rPh>
    <rPh sb="10" eb="12">
      <t>バンチ</t>
    </rPh>
    <phoneticPr fontId="4"/>
  </si>
  <si>
    <t>邑智郡邑南町阿須那166-1</t>
    <phoneticPr fontId="4"/>
  </si>
  <si>
    <t>鹿足郡吉賀町七日市467-2</t>
    <phoneticPr fontId="4"/>
  </si>
  <si>
    <t>0854　22-7081</t>
    <phoneticPr fontId="4"/>
  </si>
  <si>
    <t>0854  47-7261</t>
    <phoneticPr fontId="1"/>
  </si>
  <si>
    <t>認定こども園第２玉湯さくら保育園</t>
    <rPh sb="0" eb="2">
      <t>ニンテイ</t>
    </rPh>
    <rPh sb="5" eb="6">
      <t>エン</t>
    </rPh>
    <rPh sb="6" eb="7">
      <t>ダイ</t>
    </rPh>
    <rPh sb="8" eb="10">
      <t>タマユ</t>
    </rPh>
    <rPh sb="13" eb="15">
      <t>ホイク</t>
    </rPh>
    <rPh sb="15" eb="16">
      <t>エン</t>
    </rPh>
    <phoneticPr fontId="1"/>
  </si>
  <si>
    <t>認定こども園明星保育園</t>
    <rPh sb="0" eb="2">
      <t>ニンテイ</t>
    </rPh>
    <rPh sb="5" eb="6">
      <t>エン</t>
    </rPh>
    <phoneticPr fontId="4"/>
  </si>
  <si>
    <t>認定こども園益田ひかり保育所</t>
    <rPh sb="0" eb="2">
      <t>ニンテイ</t>
    </rPh>
    <rPh sb="5" eb="6">
      <t>エン</t>
    </rPh>
    <phoneticPr fontId="4"/>
  </si>
  <si>
    <t>認定こども園神田保育園</t>
    <rPh sb="0" eb="2">
      <t>ニンテイ</t>
    </rPh>
    <rPh sb="5" eb="6">
      <t>エン</t>
    </rPh>
    <phoneticPr fontId="4"/>
  </si>
  <si>
    <t>三刀屋保育所</t>
    <phoneticPr fontId="4"/>
  </si>
  <si>
    <t>認定こども園田井保育所</t>
    <rPh sb="0" eb="2">
      <t>ニンテイ</t>
    </rPh>
    <rPh sb="5" eb="6">
      <t>エン</t>
    </rPh>
    <phoneticPr fontId="4"/>
  </si>
  <si>
    <t>認定こども園掛合保育所</t>
    <rPh sb="0" eb="2">
      <t>ニンテイ</t>
    </rPh>
    <rPh sb="5" eb="6">
      <t>エン</t>
    </rPh>
    <phoneticPr fontId="4"/>
  </si>
  <si>
    <t>0852　61-8240</t>
    <phoneticPr fontId="1"/>
  </si>
  <si>
    <t>0852　61-3221</t>
    <phoneticPr fontId="1"/>
  </si>
  <si>
    <t>0852　67-2081</t>
    <phoneticPr fontId="1"/>
  </si>
  <si>
    <t>0853　31-5163</t>
    <phoneticPr fontId="1"/>
  </si>
  <si>
    <t>0853　25-7590</t>
    <phoneticPr fontId="4"/>
  </si>
  <si>
    <t>0854　82-6884</t>
    <phoneticPr fontId="1"/>
  </si>
  <si>
    <t>松江市東出雲町錦新町5-1-4</t>
    <rPh sb="6" eb="7">
      <t>マチ</t>
    </rPh>
    <phoneticPr fontId="1"/>
  </si>
  <si>
    <t>認定こども園みなと子ども園</t>
    <rPh sb="0" eb="2">
      <t>ニンテイ</t>
    </rPh>
    <rPh sb="5" eb="6">
      <t>エン</t>
    </rPh>
    <rPh sb="9" eb="10">
      <t>コ</t>
    </rPh>
    <phoneticPr fontId="1"/>
  </si>
  <si>
    <t>（須子保育園かもしま分園）</t>
    <rPh sb="1" eb="2">
      <t>ス</t>
    </rPh>
    <rPh sb="2" eb="3">
      <t>コ</t>
    </rPh>
    <rPh sb="3" eb="6">
      <t>ホイクエン</t>
    </rPh>
    <rPh sb="10" eb="12">
      <t>ブンエン</t>
    </rPh>
    <phoneticPr fontId="1"/>
  </si>
  <si>
    <t>（温泉津保育所湯里分園）</t>
    <phoneticPr fontId="4"/>
  </si>
  <si>
    <t>（あおぞら保育園乳児分園）</t>
    <phoneticPr fontId="4"/>
  </si>
  <si>
    <t>（横田保育所鳥上分園）</t>
    <phoneticPr fontId="4"/>
  </si>
  <si>
    <t>（布勢保育所亀嵩分園）</t>
    <phoneticPr fontId="4"/>
  </si>
  <si>
    <t>（三成保育所三沢分園）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2"/>
      <name val="ＭＳ ゴシック"/>
      <family val="3"/>
      <charset val="128"/>
    </font>
    <font>
      <sz val="6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34998626667073579"/>
        <bgColor indexed="64"/>
      </patternFill>
    </fill>
  </fills>
  <borders count="5">
    <border>
      <left/>
      <right/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</borders>
  <cellStyleXfs count="1">
    <xf numFmtId="0" fontId="0" fillId="0" borderId="0"/>
  </cellStyleXfs>
  <cellXfs count="52">
    <xf numFmtId="0" fontId="0" fillId="0" borderId="0" xfId="0" applyNumberFormat="1" applyFont="1" applyAlignment="1" applyProtection="1">
      <protection locked="0"/>
    </xf>
    <xf numFmtId="0" fontId="0" fillId="2" borderId="1" xfId="0" applyFont="1" applyFill="1" applyBorder="1" applyAlignment="1">
      <alignment vertical="center"/>
    </xf>
    <xf numFmtId="0" fontId="0" fillId="2" borderId="0" xfId="0" applyFont="1" applyFill="1" applyAlignment="1"/>
    <xf numFmtId="0" fontId="0" fillId="2" borderId="0" xfId="0" applyFont="1" applyFill="1" applyAlignment="1">
      <alignment shrinkToFit="1"/>
    </xf>
    <xf numFmtId="0" fontId="0" fillId="2" borderId="0" xfId="0" applyFont="1" applyFill="1" applyAlignment="1">
      <alignment horizontal="center"/>
    </xf>
    <xf numFmtId="0" fontId="0" fillId="2" borderId="0" xfId="0" applyNumberFormat="1" applyFont="1" applyFill="1" applyAlignment="1" applyProtection="1">
      <protection locked="0"/>
    </xf>
    <xf numFmtId="0" fontId="0" fillId="2" borderId="1" xfId="0" applyFont="1" applyFill="1" applyBorder="1" applyAlignment="1">
      <alignment horizontal="center" vertical="center"/>
    </xf>
    <xf numFmtId="0" fontId="0" fillId="2" borderId="1" xfId="0" applyFont="1" applyFill="1" applyBorder="1" applyAlignment="1">
      <alignment horizontal="center" vertical="center" wrapText="1"/>
    </xf>
    <xf numFmtId="0" fontId="0" fillId="2" borderId="1" xfId="0" applyFont="1" applyFill="1" applyBorder="1" applyAlignment="1">
      <alignment horizontal="center" vertical="center" shrinkToFit="1"/>
    </xf>
    <xf numFmtId="0" fontId="3" fillId="2" borderId="1" xfId="0" applyFont="1" applyFill="1" applyBorder="1" applyAlignment="1">
      <alignment horizontal="center" vertical="center" wrapText="1"/>
    </xf>
    <xf numFmtId="0" fontId="0" fillId="2" borderId="1" xfId="0" applyNumberFormat="1" applyFont="1" applyFill="1" applyBorder="1" applyAlignment="1">
      <alignment horizontal="center" vertical="center"/>
    </xf>
    <xf numFmtId="0" fontId="0" fillId="2" borderId="0" xfId="0" applyFont="1" applyFill="1" applyAlignment="1">
      <alignment vertical="center"/>
    </xf>
    <xf numFmtId="0" fontId="0" fillId="2" borderId="0" xfId="0" applyNumberFormat="1" applyFont="1" applyFill="1" applyAlignment="1" applyProtection="1">
      <alignment vertical="center"/>
      <protection locked="0"/>
    </xf>
    <xf numFmtId="0" fontId="5" fillId="2" borderId="1" xfId="0" applyFont="1" applyFill="1" applyBorder="1" applyAlignment="1">
      <alignment vertical="center"/>
    </xf>
    <xf numFmtId="0" fontId="5" fillId="2" borderId="1" xfId="0" applyFont="1" applyFill="1" applyBorder="1" applyAlignment="1">
      <alignment horizontal="center" vertical="center"/>
    </xf>
    <xf numFmtId="0" fontId="5" fillId="2" borderId="1" xfId="0" applyFont="1" applyFill="1" applyBorder="1" applyAlignment="1">
      <alignment vertical="center" shrinkToFit="1"/>
    </xf>
    <xf numFmtId="0" fontId="5" fillId="2" borderId="1" xfId="0" applyNumberFormat="1" applyFont="1" applyFill="1" applyBorder="1" applyAlignment="1">
      <alignment vertical="center"/>
    </xf>
    <xf numFmtId="0" fontId="5" fillId="2" borderId="3" xfId="0" applyFont="1" applyFill="1" applyBorder="1" applyAlignment="1">
      <alignment vertical="center" shrinkToFit="1"/>
    </xf>
    <xf numFmtId="0" fontId="5" fillId="2" borderId="1" xfId="0" applyFont="1" applyFill="1" applyBorder="1" applyAlignment="1">
      <alignment horizontal="left" vertical="center"/>
    </xf>
    <xf numFmtId="57" fontId="5" fillId="2" borderId="1" xfId="0" applyNumberFormat="1" applyFont="1" applyFill="1" applyBorder="1" applyAlignment="1">
      <alignment vertical="center"/>
    </xf>
    <xf numFmtId="0" fontId="5" fillId="2" borderId="1" xfId="0" quotePrefix="1" applyNumberFormat="1" applyFont="1" applyFill="1" applyBorder="1" applyAlignment="1">
      <alignment vertical="center"/>
    </xf>
    <xf numFmtId="0" fontId="5" fillId="2" borderId="1" xfId="0" applyFont="1" applyFill="1" applyBorder="1" applyAlignment="1">
      <alignment vertical="center" wrapText="1" shrinkToFit="1"/>
    </xf>
    <xf numFmtId="0" fontId="5" fillId="2" borderId="2" xfId="0" applyFont="1" applyFill="1" applyBorder="1" applyAlignment="1">
      <alignment vertical="center"/>
    </xf>
    <xf numFmtId="0" fontId="5" fillId="2" borderId="2" xfId="0" applyFont="1" applyFill="1" applyBorder="1" applyAlignment="1">
      <alignment horizontal="center" vertical="center"/>
    </xf>
    <xf numFmtId="0" fontId="5" fillId="2" borderId="2" xfId="0" applyFont="1" applyFill="1" applyBorder="1" applyAlignment="1">
      <alignment vertical="center" shrinkToFit="1"/>
    </xf>
    <xf numFmtId="0" fontId="5" fillId="2" borderId="1" xfId="0" applyFont="1" applyFill="1" applyBorder="1" applyAlignment="1">
      <alignment vertical="center" wrapText="1"/>
    </xf>
    <xf numFmtId="0" fontId="5" fillId="2" borderId="3" xfId="0" applyFont="1" applyFill="1" applyBorder="1" applyAlignment="1">
      <alignment vertical="center"/>
    </xf>
    <xf numFmtId="0" fontId="5" fillId="2" borderId="3" xfId="0" applyFont="1" applyFill="1" applyBorder="1" applyAlignment="1">
      <alignment horizontal="center" vertical="center"/>
    </xf>
    <xf numFmtId="0" fontId="5" fillId="2" borderId="3" xfId="0" applyNumberFormat="1" applyFont="1" applyFill="1" applyBorder="1" applyAlignment="1">
      <alignment vertical="center"/>
    </xf>
    <xf numFmtId="0" fontId="5" fillId="2" borderId="3" xfId="0" applyFont="1" applyFill="1" applyBorder="1" applyAlignment="1">
      <alignment vertical="center" wrapText="1"/>
    </xf>
    <xf numFmtId="0" fontId="5" fillId="2" borderId="1" xfId="0" applyFont="1" applyFill="1" applyBorder="1" applyAlignment="1">
      <alignment horizontal="center" vertical="center" wrapText="1"/>
    </xf>
    <xf numFmtId="0" fontId="5" fillId="2" borderId="1" xfId="0" applyFont="1" applyFill="1" applyBorder="1" applyAlignment="1">
      <alignment horizontal="right" vertical="center" wrapText="1"/>
    </xf>
    <xf numFmtId="0" fontId="5" fillId="2" borderId="1" xfId="0" applyNumberFormat="1" applyFont="1" applyFill="1" applyBorder="1" applyAlignment="1">
      <alignment horizontal="right"/>
    </xf>
    <xf numFmtId="0" fontId="5" fillId="2" borderId="0" xfId="0" applyFont="1" applyFill="1" applyBorder="1" applyAlignment="1">
      <alignment vertical="center"/>
    </xf>
    <xf numFmtId="0" fontId="5" fillId="2" borderId="0" xfId="0" applyNumberFormat="1" applyFont="1" applyFill="1" applyBorder="1" applyAlignment="1">
      <alignment vertical="center"/>
    </xf>
    <xf numFmtId="0" fontId="5" fillId="2" borderId="0" xfId="0" applyFont="1" applyFill="1" applyBorder="1" applyAlignment="1">
      <alignment horizontal="center" vertical="center"/>
    </xf>
    <xf numFmtId="0" fontId="5" fillId="2" borderId="0" xfId="0" applyFont="1" applyFill="1" applyBorder="1" applyAlignment="1">
      <alignment horizontal="center" wrapText="1"/>
    </xf>
    <xf numFmtId="0" fontId="5" fillId="2" borderId="0" xfId="0" applyFont="1" applyFill="1" applyBorder="1" applyAlignment="1">
      <alignment horizontal="left" wrapText="1"/>
    </xf>
    <xf numFmtId="0" fontId="5" fillId="3" borderId="1" xfId="0" applyFont="1" applyFill="1" applyBorder="1" applyAlignment="1">
      <alignment vertical="center"/>
    </xf>
    <xf numFmtId="0" fontId="5" fillId="3" borderId="1" xfId="0" applyFont="1" applyFill="1" applyBorder="1" applyAlignment="1">
      <alignment horizontal="center" vertical="center"/>
    </xf>
    <xf numFmtId="0" fontId="5" fillId="3" borderId="1" xfId="0" applyFont="1" applyFill="1" applyBorder="1" applyAlignment="1">
      <alignment vertical="center" shrinkToFit="1"/>
    </xf>
    <xf numFmtId="0" fontId="5" fillId="3" borderId="1" xfId="0" applyFont="1" applyFill="1" applyBorder="1" applyAlignment="1">
      <alignment horizontal="right" vertical="center"/>
    </xf>
    <xf numFmtId="0" fontId="5" fillId="3" borderId="1" xfId="0" applyNumberFormat="1" applyFont="1" applyFill="1" applyBorder="1" applyAlignment="1">
      <alignment vertical="center"/>
    </xf>
    <xf numFmtId="0" fontId="5" fillId="3" borderId="1" xfId="0" applyNumberFormat="1" applyFont="1" applyFill="1" applyBorder="1" applyAlignment="1">
      <alignment horizontal="right"/>
    </xf>
    <xf numFmtId="0" fontId="5" fillId="2" borderId="4" xfId="0" applyFont="1" applyFill="1" applyBorder="1" applyAlignment="1">
      <alignment vertical="center"/>
    </xf>
    <xf numFmtId="0" fontId="5" fillId="2" borderId="4" xfId="0" applyFont="1" applyFill="1" applyBorder="1" applyAlignment="1">
      <alignment horizontal="center" vertical="center"/>
    </xf>
    <xf numFmtId="0" fontId="5" fillId="2" borderId="4" xfId="0" applyFont="1" applyFill="1" applyBorder="1" applyAlignment="1">
      <alignment vertical="center" shrinkToFit="1"/>
    </xf>
    <xf numFmtId="0" fontId="5" fillId="2" borderId="4" xfId="0" applyNumberFormat="1" applyFont="1" applyFill="1" applyBorder="1" applyAlignment="1">
      <alignment vertical="center"/>
    </xf>
    <xf numFmtId="0" fontId="5" fillId="2" borderId="4" xfId="0" applyFont="1" applyFill="1" applyBorder="1" applyAlignment="1">
      <alignment vertical="center" wrapText="1"/>
    </xf>
    <xf numFmtId="0" fontId="6" fillId="2" borderId="0" xfId="0" applyFont="1" applyFill="1" applyBorder="1" applyAlignment="1">
      <alignment vertical="center"/>
    </xf>
    <xf numFmtId="0" fontId="5" fillId="2" borderId="2" xfId="0" applyNumberFormat="1" applyFont="1" applyFill="1" applyBorder="1" applyAlignment="1">
      <alignment vertical="center"/>
    </xf>
    <xf numFmtId="0" fontId="5" fillId="2" borderId="2" xfId="0" applyFont="1" applyFill="1" applyBorder="1" applyAlignment="1">
      <alignment vertical="center" wrapText="1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33CC"/>
      <color rgb="FF00FF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autoPageBreaks="0"/>
  </sheetPr>
  <dimension ref="A1:BZ286"/>
  <sheetViews>
    <sheetView tabSelected="1" showOutlineSymbols="0" zoomScale="87" zoomScaleNormal="87" zoomScaleSheetLayoutView="75" workbookViewId="0"/>
  </sheetViews>
  <sheetFormatPr defaultColWidth="10.75" defaultRowHeight="14.25" x14ac:dyDescent="0.15"/>
  <cols>
    <col min="1" max="1" width="5.75" style="2" customWidth="1"/>
    <col min="2" max="2" width="11.5" style="2" customWidth="1"/>
    <col min="3" max="3" width="4.75" style="2" customWidth="1"/>
    <col min="4" max="4" width="14.625" style="2" customWidth="1"/>
    <col min="5" max="5" width="27" style="3" customWidth="1"/>
    <col min="6" max="6" width="8.5" style="2" customWidth="1"/>
    <col min="7" max="7" width="11.5" style="2" customWidth="1"/>
    <col min="8" max="8" width="35.25" style="4" customWidth="1"/>
    <col min="9" max="9" width="14.875" style="2" customWidth="1"/>
    <col min="10" max="10" width="13.75" style="2" customWidth="1"/>
    <col min="11" max="78" width="10.75" style="2" customWidth="1"/>
    <col min="79" max="16384" width="10.75" style="5"/>
  </cols>
  <sheetData>
    <row r="1" spans="1:10" ht="33" customHeight="1" x14ac:dyDescent="0.15">
      <c r="A1" s="6" t="s">
        <v>88</v>
      </c>
      <c r="B1" s="6" t="s">
        <v>89</v>
      </c>
      <c r="C1" s="6" t="s">
        <v>90</v>
      </c>
      <c r="D1" s="7" t="s">
        <v>671</v>
      </c>
      <c r="E1" s="8" t="s">
        <v>91</v>
      </c>
      <c r="F1" s="9" t="s">
        <v>814</v>
      </c>
      <c r="G1" s="10" t="s">
        <v>92</v>
      </c>
      <c r="H1" s="1" t="s">
        <v>93</v>
      </c>
      <c r="I1" s="6" t="s">
        <v>94</v>
      </c>
      <c r="J1" s="6" t="s">
        <v>672</v>
      </c>
    </row>
    <row r="2" spans="1:10" ht="17.25" customHeight="1" x14ac:dyDescent="0.15">
      <c r="A2" s="13">
        <v>1</v>
      </c>
      <c r="B2" s="13" t="s">
        <v>95</v>
      </c>
      <c r="C2" s="14" t="s">
        <v>96</v>
      </c>
      <c r="D2" s="14"/>
      <c r="E2" s="15" t="s">
        <v>97</v>
      </c>
      <c r="F2" s="13">
        <v>70</v>
      </c>
      <c r="G2" s="16">
        <v>6900065</v>
      </c>
      <c r="H2" s="13" t="s">
        <v>98</v>
      </c>
      <c r="I2" s="13" t="s">
        <v>99</v>
      </c>
      <c r="J2" s="13"/>
    </row>
    <row r="3" spans="1:10" ht="17.25" customHeight="1" x14ac:dyDescent="0.15">
      <c r="A3" s="13">
        <v>2</v>
      </c>
      <c r="B3" s="13" t="s">
        <v>95</v>
      </c>
      <c r="C3" s="14" t="s">
        <v>96</v>
      </c>
      <c r="D3" s="14"/>
      <c r="E3" s="15" t="s">
        <v>100</v>
      </c>
      <c r="F3" s="13">
        <v>120</v>
      </c>
      <c r="G3" s="16">
        <v>6900825</v>
      </c>
      <c r="H3" s="13" t="s">
        <v>101</v>
      </c>
      <c r="I3" s="13" t="s">
        <v>102</v>
      </c>
      <c r="J3" s="13"/>
    </row>
    <row r="4" spans="1:10" ht="17.25" customHeight="1" x14ac:dyDescent="0.15">
      <c r="A4" s="13">
        <v>3</v>
      </c>
      <c r="B4" s="13" t="s">
        <v>95</v>
      </c>
      <c r="C4" s="14" t="s">
        <v>96</v>
      </c>
      <c r="D4" s="14"/>
      <c r="E4" s="15" t="s">
        <v>673</v>
      </c>
      <c r="F4" s="13">
        <v>30</v>
      </c>
      <c r="G4" s="16">
        <v>6900058</v>
      </c>
      <c r="H4" s="13" t="s">
        <v>417</v>
      </c>
      <c r="I4" s="13" t="s">
        <v>418</v>
      </c>
      <c r="J4" s="13"/>
    </row>
    <row r="5" spans="1:10" ht="17.25" customHeight="1" x14ac:dyDescent="0.15">
      <c r="A5" s="13">
        <v>4</v>
      </c>
      <c r="B5" s="13" t="s">
        <v>95</v>
      </c>
      <c r="C5" s="14" t="s">
        <v>96</v>
      </c>
      <c r="D5" s="14"/>
      <c r="E5" s="15" t="s">
        <v>78</v>
      </c>
      <c r="F5" s="13">
        <v>60</v>
      </c>
      <c r="G5" s="16">
        <v>6900411</v>
      </c>
      <c r="H5" s="13" t="s">
        <v>419</v>
      </c>
      <c r="I5" s="13" t="s">
        <v>79</v>
      </c>
      <c r="J5" s="13"/>
    </row>
    <row r="6" spans="1:10" ht="17.25" customHeight="1" x14ac:dyDescent="0.15">
      <c r="A6" s="13">
        <v>5</v>
      </c>
      <c r="B6" s="13" t="s">
        <v>95</v>
      </c>
      <c r="C6" s="14" t="s">
        <v>96</v>
      </c>
      <c r="D6" s="14"/>
      <c r="E6" s="15" t="s">
        <v>80</v>
      </c>
      <c r="F6" s="13">
        <v>100</v>
      </c>
      <c r="G6" s="16">
        <v>6900321</v>
      </c>
      <c r="H6" s="13" t="s">
        <v>420</v>
      </c>
      <c r="I6" s="13" t="s">
        <v>81</v>
      </c>
      <c r="J6" s="13"/>
    </row>
    <row r="7" spans="1:10" ht="17.25" customHeight="1" x14ac:dyDescent="0.15">
      <c r="A7" s="13">
        <v>6</v>
      </c>
      <c r="B7" s="13" t="s">
        <v>95</v>
      </c>
      <c r="C7" s="14" t="s">
        <v>96</v>
      </c>
      <c r="D7" s="14"/>
      <c r="E7" s="15" t="s">
        <v>421</v>
      </c>
      <c r="F7" s="13">
        <v>80</v>
      </c>
      <c r="G7" s="16">
        <v>6900402</v>
      </c>
      <c r="H7" s="13" t="s">
        <v>422</v>
      </c>
      <c r="I7" s="13" t="s">
        <v>423</v>
      </c>
      <c r="J7" s="13"/>
    </row>
    <row r="8" spans="1:10" ht="17.25" customHeight="1" x14ac:dyDescent="0.15">
      <c r="A8" s="13">
        <v>7</v>
      </c>
      <c r="B8" s="13" t="s">
        <v>95</v>
      </c>
      <c r="C8" s="14" t="s">
        <v>96</v>
      </c>
      <c r="D8" s="14"/>
      <c r="E8" s="15" t="s">
        <v>82</v>
      </c>
      <c r="F8" s="13">
        <v>60</v>
      </c>
      <c r="G8" s="16">
        <v>6901212</v>
      </c>
      <c r="H8" s="13" t="s">
        <v>424</v>
      </c>
      <c r="I8" s="13" t="s">
        <v>425</v>
      </c>
      <c r="J8" s="13"/>
    </row>
    <row r="9" spans="1:10" ht="17.25" customHeight="1" x14ac:dyDescent="0.15">
      <c r="A9" s="13">
        <v>8</v>
      </c>
      <c r="B9" s="13" t="s">
        <v>95</v>
      </c>
      <c r="C9" s="14" t="s">
        <v>96</v>
      </c>
      <c r="D9" s="14"/>
      <c r="E9" s="15" t="s">
        <v>426</v>
      </c>
      <c r="F9" s="13">
        <v>80</v>
      </c>
      <c r="G9" s="16">
        <v>6901221</v>
      </c>
      <c r="H9" s="13" t="s">
        <v>427</v>
      </c>
      <c r="I9" s="13" t="s">
        <v>428</v>
      </c>
      <c r="J9" s="13"/>
    </row>
    <row r="10" spans="1:10" ht="17.25" customHeight="1" x14ac:dyDescent="0.15">
      <c r="A10" s="13">
        <v>9</v>
      </c>
      <c r="B10" s="13" t="s">
        <v>95</v>
      </c>
      <c r="C10" s="14" t="s">
        <v>96</v>
      </c>
      <c r="D10" s="14"/>
      <c r="E10" s="15" t="s">
        <v>429</v>
      </c>
      <c r="F10" s="13">
        <v>80</v>
      </c>
      <c r="G10" s="16">
        <v>6901312</v>
      </c>
      <c r="H10" s="13" t="s">
        <v>430</v>
      </c>
      <c r="I10" s="13" t="s">
        <v>431</v>
      </c>
      <c r="J10" s="13"/>
    </row>
    <row r="11" spans="1:10" ht="17.25" customHeight="1" x14ac:dyDescent="0.15">
      <c r="A11" s="13">
        <v>10</v>
      </c>
      <c r="B11" s="13" t="s">
        <v>95</v>
      </c>
      <c r="C11" s="14" t="s">
        <v>96</v>
      </c>
      <c r="D11" s="14"/>
      <c r="E11" s="15" t="s">
        <v>820</v>
      </c>
      <c r="F11" s="13">
        <v>40</v>
      </c>
      <c r="G11" s="16">
        <v>6902102</v>
      </c>
      <c r="H11" s="13" t="s">
        <v>821</v>
      </c>
      <c r="I11" s="13" t="s">
        <v>822</v>
      </c>
      <c r="J11" s="13"/>
    </row>
    <row r="12" spans="1:10" ht="17.25" customHeight="1" x14ac:dyDescent="0.15">
      <c r="A12" s="13">
        <v>11</v>
      </c>
      <c r="B12" s="13" t="s">
        <v>95</v>
      </c>
      <c r="C12" s="14" t="s">
        <v>96</v>
      </c>
      <c r="D12" s="14"/>
      <c r="E12" s="15" t="s">
        <v>674</v>
      </c>
      <c r="F12" s="13">
        <v>70</v>
      </c>
      <c r="G12" s="16">
        <v>6990401</v>
      </c>
      <c r="H12" s="13" t="s">
        <v>432</v>
      </c>
      <c r="I12" s="13" t="s">
        <v>433</v>
      </c>
      <c r="J12" s="13"/>
    </row>
    <row r="13" spans="1:10" ht="17.25" customHeight="1" x14ac:dyDescent="0.15">
      <c r="A13" s="13">
        <v>12</v>
      </c>
      <c r="B13" s="13" t="s">
        <v>95</v>
      </c>
      <c r="C13" s="14" t="s">
        <v>96</v>
      </c>
      <c r="D13" s="14"/>
      <c r="E13" s="15" t="s">
        <v>434</v>
      </c>
      <c r="F13" s="13">
        <v>110</v>
      </c>
      <c r="G13" s="16">
        <v>6901404</v>
      </c>
      <c r="H13" s="13" t="s">
        <v>435</v>
      </c>
      <c r="I13" s="13" t="s">
        <v>436</v>
      </c>
      <c r="J13" s="13"/>
    </row>
    <row r="14" spans="1:10" ht="17.25" customHeight="1" x14ac:dyDescent="0.15">
      <c r="A14" s="13">
        <v>13</v>
      </c>
      <c r="B14" s="13" t="s">
        <v>95</v>
      </c>
      <c r="C14" s="14" t="s">
        <v>96</v>
      </c>
      <c r="D14" s="14"/>
      <c r="E14" s="15" t="s">
        <v>259</v>
      </c>
      <c r="F14" s="13">
        <v>180</v>
      </c>
      <c r="G14" s="16">
        <v>6990101</v>
      </c>
      <c r="H14" s="13" t="s">
        <v>437</v>
      </c>
      <c r="I14" s="13" t="s">
        <v>260</v>
      </c>
      <c r="J14" s="18"/>
    </row>
    <row r="15" spans="1:10" ht="17.25" customHeight="1" x14ac:dyDescent="0.15">
      <c r="A15" s="13">
        <v>14</v>
      </c>
      <c r="B15" s="13" t="s">
        <v>95</v>
      </c>
      <c r="C15" s="14" t="s">
        <v>96</v>
      </c>
      <c r="D15" s="14"/>
      <c r="E15" s="15" t="s">
        <v>261</v>
      </c>
      <c r="F15" s="13">
        <v>80</v>
      </c>
      <c r="G15" s="16">
        <v>6990102</v>
      </c>
      <c r="H15" s="13" t="s">
        <v>438</v>
      </c>
      <c r="I15" s="13" t="s">
        <v>262</v>
      </c>
      <c r="J15" s="18"/>
    </row>
    <row r="16" spans="1:10" ht="17.25" customHeight="1" x14ac:dyDescent="0.15">
      <c r="A16" s="13">
        <v>15</v>
      </c>
      <c r="B16" s="13" t="s">
        <v>95</v>
      </c>
      <c r="C16" s="14" t="s">
        <v>96</v>
      </c>
      <c r="D16" s="14"/>
      <c r="E16" s="15" t="s">
        <v>263</v>
      </c>
      <c r="F16" s="13">
        <v>110</v>
      </c>
      <c r="G16" s="16">
        <v>6990108</v>
      </c>
      <c r="H16" s="13" t="s">
        <v>439</v>
      </c>
      <c r="I16" s="13" t="s">
        <v>264</v>
      </c>
      <c r="J16" s="18"/>
    </row>
    <row r="17" spans="1:71" ht="17.25" customHeight="1" x14ac:dyDescent="0.15">
      <c r="A17" s="13">
        <v>16</v>
      </c>
      <c r="B17" s="13" t="s">
        <v>95</v>
      </c>
      <c r="C17" s="14" t="s">
        <v>103</v>
      </c>
      <c r="D17" s="14"/>
      <c r="E17" s="15" t="s">
        <v>104</v>
      </c>
      <c r="F17" s="13">
        <v>45</v>
      </c>
      <c r="G17" s="16">
        <v>6900043</v>
      </c>
      <c r="H17" s="13" t="s">
        <v>105</v>
      </c>
      <c r="I17" s="13" t="s">
        <v>106</v>
      </c>
      <c r="J17" s="13"/>
    </row>
    <row r="18" spans="1:71" ht="17.25" customHeight="1" x14ac:dyDescent="0.15">
      <c r="A18" s="13">
        <v>17</v>
      </c>
      <c r="B18" s="13" t="s">
        <v>95</v>
      </c>
      <c r="C18" s="14" t="s">
        <v>103</v>
      </c>
      <c r="D18" s="14"/>
      <c r="E18" s="15" t="s">
        <v>107</v>
      </c>
      <c r="F18" s="13">
        <v>60</v>
      </c>
      <c r="G18" s="16">
        <v>6900001</v>
      </c>
      <c r="H18" s="13" t="s">
        <v>108</v>
      </c>
      <c r="I18" s="13" t="s">
        <v>109</v>
      </c>
      <c r="J18" s="14"/>
    </row>
    <row r="19" spans="1:71" ht="17.25" customHeight="1" x14ac:dyDescent="0.15">
      <c r="A19" s="13">
        <v>18</v>
      </c>
      <c r="B19" s="13" t="s">
        <v>95</v>
      </c>
      <c r="C19" s="14" t="s">
        <v>103</v>
      </c>
      <c r="D19" s="14"/>
      <c r="E19" s="15" t="s">
        <v>110</v>
      </c>
      <c r="F19" s="13">
        <v>150</v>
      </c>
      <c r="G19" s="16">
        <v>6900883</v>
      </c>
      <c r="H19" s="13" t="s">
        <v>111</v>
      </c>
      <c r="I19" s="13" t="s">
        <v>112</v>
      </c>
      <c r="J19" s="13"/>
    </row>
    <row r="20" spans="1:71" ht="17.25" customHeight="1" x14ac:dyDescent="0.15">
      <c r="A20" s="13">
        <v>19</v>
      </c>
      <c r="B20" s="13" t="s">
        <v>95</v>
      </c>
      <c r="C20" s="14" t="s">
        <v>103</v>
      </c>
      <c r="D20" s="14"/>
      <c r="E20" s="15" t="s">
        <v>128</v>
      </c>
      <c r="F20" s="13">
        <v>150</v>
      </c>
      <c r="G20" s="16">
        <v>6900033</v>
      </c>
      <c r="H20" s="13" t="s">
        <v>675</v>
      </c>
      <c r="I20" s="13" t="s">
        <v>129</v>
      </c>
      <c r="J20" s="13"/>
    </row>
    <row r="21" spans="1:71" ht="17.25" customHeight="1" x14ac:dyDescent="0.15">
      <c r="A21" s="13">
        <v>20</v>
      </c>
      <c r="B21" s="13" t="s">
        <v>95</v>
      </c>
      <c r="C21" s="14" t="s">
        <v>103</v>
      </c>
      <c r="D21" s="14"/>
      <c r="E21" s="15" t="s">
        <v>135</v>
      </c>
      <c r="F21" s="13">
        <v>150</v>
      </c>
      <c r="G21" s="16">
        <v>6900815</v>
      </c>
      <c r="H21" s="13" t="s">
        <v>440</v>
      </c>
      <c r="I21" s="13" t="s">
        <v>136</v>
      </c>
      <c r="J21" s="19"/>
    </row>
    <row r="22" spans="1:71" ht="17.25" customHeight="1" x14ac:dyDescent="0.15">
      <c r="A22" s="13">
        <v>21</v>
      </c>
      <c r="B22" s="13" t="s">
        <v>95</v>
      </c>
      <c r="C22" s="14" t="s">
        <v>103</v>
      </c>
      <c r="D22" s="14"/>
      <c r="E22" s="15" t="s">
        <v>152</v>
      </c>
      <c r="F22" s="13">
        <v>150</v>
      </c>
      <c r="G22" s="16">
        <v>6900021</v>
      </c>
      <c r="H22" s="13" t="s">
        <v>153</v>
      </c>
      <c r="I22" s="13" t="s">
        <v>154</v>
      </c>
      <c r="J22" s="13"/>
    </row>
    <row r="23" spans="1:71" ht="17.25" customHeight="1" x14ac:dyDescent="0.15">
      <c r="A23" s="13">
        <v>22</v>
      </c>
      <c r="B23" s="13" t="s">
        <v>95</v>
      </c>
      <c r="C23" s="14" t="s">
        <v>103</v>
      </c>
      <c r="D23" s="14" t="s">
        <v>824</v>
      </c>
      <c r="E23" s="15" t="s">
        <v>823</v>
      </c>
      <c r="F23" s="13">
        <v>90</v>
      </c>
      <c r="G23" s="16">
        <v>6900001</v>
      </c>
      <c r="H23" s="13" t="s">
        <v>113</v>
      </c>
      <c r="I23" s="13" t="s">
        <v>114</v>
      </c>
      <c r="J23" s="13"/>
    </row>
    <row r="24" spans="1:71" ht="17.25" customHeight="1" x14ac:dyDescent="0.15">
      <c r="A24" s="13">
        <v>23</v>
      </c>
      <c r="B24" s="13" t="s">
        <v>95</v>
      </c>
      <c r="C24" s="14" t="s">
        <v>103</v>
      </c>
      <c r="D24" s="14"/>
      <c r="E24" s="15" t="s">
        <v>115</v>
      </c>
      <c r="F24" s="13">
        <v>180</v>
      </c>
      <c r="G24" s="16">
        <v>6900877</v>
      </c>
      <c r="H24" s="13" t="s">
        <v>441</v>
      </c>
      <c r="I24" s="13" t="s">
        <v>116</v>
      </c>
      <c r="J24" s="13"/>
    </row>
    <row r="25" spans="1:71" ht="17.25" customHeight="1" x14ac:dyDescent="0.15">
      <c r="A25" s="13">
        <v>24</v>
      </c>
      <c r="B25" s="13" t="s">
        <v>95</v>
      </c>
      <c r="C25" s="14" t="s">
        <v>103</v>
      </c>
      <c r="D25" s="14"/>
      <c r="E25" s="15" t="s">
        <v>117</v>
      </c>
      <c r="F25" s="13">
        <v>60</v>
      </c>
      <c r="G25" s="16">
        <v>6901101</v>
      </c>
      <c r="H25" s="13" t="s">
        <v>118</v>
      </c>
      <c r="I25" s="13" t="s">
        <v>119</v>
      </c>
      <c r="J25" s="13"/>
    </row>
    <row r="26" spans="1:71" ht="17.25" customHeight="1" x14ac:dyDescent="0.15">
      <c r="A26" s="13">
        <v>25</v>
      </c>
      <c r="B26" s="13" t="s">
        <v>95</v>
      </c>
      <c r="C26" s="14" t="s">
        <v>103</v>
      </c>
      <c r="D26" s="14"/>
      <c r="E26" s="15" t="s">
        <v>120</v>
      </c>
      <c r="F26" s="13">
        <v>90</v>
      </c>
      <c r="G26" s="16">
        <v>6900044</v>
      </c>
      <c r="H26" s="13" t="s">
        <v>121</v>
      </c>
      <c r="I26" s="13" t="s">
        <v>122</v>
      </c>
      <c r="J26" s="13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4"/>
      <c r="AB26" s="4"/>
      <c r="AC26" s="4"/>
      <c r="AD26" s="4"/>
      <c r="AE26" s="4"/>
      <c r="AF26" s="4"/>
      <c r="AG26" s="4"/>
      <c r="AH26" s="4"/>
      <c r="AI26" s="4"/>
      <c r="AJ26" s="4"/>
      <c r="AK26" s="4"/>
      <c r="AL26" s="4"/>
      <c r="AM26" s="4"/>
      <c r="AN26" s="4"/>
      <c r="AO26" s="4"/>
      <c r="AP26" s="4"/>
      <c r="AQ26" s="4"/>
      <c r="AR26" s="4"/>
      <c r="AS26" s="4"/>
      <c r="AT26" s="4"/>
      <c r="AU26" s="4"/>
      <c r="AV26" s="4"/>
      <c r="AW26" s="4"/>
      <c r="AX26" s="4"/>
      <c r="AY26" s="4"/>
      <c r="AZ26" s="4"/>
      <c r="BA26" s="4"/>
      <c r="BB26" s="4"/>
      <c r="BC26" s="4"/>
      <c r="BD26" s="4"/>
      <c r="BE26" s="4"/>
      <c r="BF26" s="4"/>
      <c r="BG26" s="4"/>
      <c r="BH26" s="4"/>
      <c r="BI26" s="4"/>
      <c r="BJ26" s="4"/>
      <c r="BK26" s="4"/>
      <c r="BL26" s="4"/>
      <c r="BM26" s="4"/>
      <c r="BN26" s="4"/>
      <c r="BO26" s="4"/>
      <c r="BP26" s="4"/>
      <c r="BQ26" s="4"/>
      <c r="BR26" s="4"/>
      <c r="BS26" s="4"/>
    </row>
    <row r="27" spans="1:71" ht="17.25" customHeight="1" x14ac:dyDescent="0.15">
      <c r="A27" s="13">
        <v>26</v>
      </c>
      <c r="B27" s="13" t="s">
        <v>95</v>
      </c>
      <c r="C27" s="14" t="s">
        <v>103</v>
      </c>
      <c r="D27" s="14"/>
      <c r="E27" s="15" t="s">
        <v>123</v>
      </c>
      <c r="F27" s="13">
        <v>90</v>
      </c>
      <c r="G27" s="16">
        <v>6900873</v>
      </c>
      <c r="H27" s="13" t="s">
        <v>124</v>
      </c>
      <c r="I27" s="13" t="s">
        <v>125</v>
      </c>
      <c r="J27" s="13"/>
    </row>
    <row r="28" spans="1:71" ht="17.25" customHeight="1" x14ac:dyDescent="0.15">
      <c r="A28" s="13">
        <v>27</v>
      </c>
      <c r="B28" s="13" t="s">
        <v>95</v>
      </c>
      <c r="C28" s="14" t="s">
        <v>103</v>
      </c>
      <c r="D28" s="14"/>
      <c r="E28" s="15" t="s">
        <v>126</v>
      </c>
      <c r="F28" s="13">
        <v>110</v>
      </c>
      <c r="G28" s="16">
        <v>6900888</v>
      </c>
      <c r="H28" s="13" t="s">
        <v>676</v>
      </c>
      <c r="I28" s="13" t="s">
        <v>127</v>
      </c>
      <c r="J28" s="13"/>
    </row>
    <row r="29" spans="1:71" ht="17.25" customHeight="1" x14ac:dyDescent="0.15">
      <c r="A29" s="13">
        <v>28</v>
      </c>
      <c r="B29" s="13" t="s">
        <v>95</v>
      </c>
      <c r="C29" s="14" t="s">
        <v>103</v>
      </c>
      <c r="D29" s="14"/>
      <c r="E29" s="15" t="s">
        <v>130</v>
      </c>
      <c r="F29" s="13">
        <v>100</v>
      </c>
      <c r="G29" s="16">
        <v>6900015</v>
      </c>
      <c r="H29" s="13" t="s">
        <v>131</v>
      </c>
      <c r="I29" s="13" t="s">
        <v>132</v>
      </c>
      <c r="J29" s="13"/>
    </row>
    <row r="30" spans="1:71" ht="17.25" customHeight="1" x14ac:dyDescent="0.15">
      <c r="A30" s="13">
        <v>29</v>
      </c>
      <c r="B30" s="13" t="s">
        <v>95</v>
      </c>
      <c r="C30" s="14" t="s">
        <v>103</v>
      </c>
      <c r="D30" s="14"/>
      <c r="E30" s="15" t="s">
        <v>133</v>
      </c>
      <c r="F30" s="13">
        <v>90</v>
      </c>
      <c r="G30" s="16">
        <v>6900011</v>
      </c>
      <c r="H30" s="13" t="s">
        <v>677</v>
      </c>
      <c r="I30" s="13" t="s">
        <v>134</v>
      </c>
      <c r="J30" s="13"/>
    </row>
    <row r="31" spans="1:71" ht="17.25" customHeight="1" x14ac:dyDescent="0.15">
      <c r="A31" s="13">
        <v>30</v>
      </c>
      <c r="B31" s="13" t="s">
        <v>95</v>
      </c>
      <c r="C31" s="14" t="s">
        <v>103</v>
      </c>
      <c r="D31" s="14"/>
      <c r="E31" s="15" t="s">
        <v>137</v>
      </c>
      <c r="F31" s="13">
        <v>100</v>
      </c>
      <c r="G31" s="16">
        <v>6900025</v>
      </c>
      <c r="H31" s="13" t="s">
        <v>138</v>
      </c>
      <c r="I31" s="13" t="s">
        <v>139</v>
      </c>
      <c r="J31" s="13"/>
    </row>
    <row r="32" spans="1:71" ht="17.25" customHeight="1" x14ac:dyDescent="0.15">
      <c r="A32" s="13">
        <v>31</v>
      </c>
      <c r="B32" s="13" t="s">
        <v>95</v>
      </c>
      <c r="C32" s="14" t="s">
        <v>103</v>
      </c>
      <c r="D32" s="14"/>
      <c r="E32" s="15" t="s">
        <v>140</v>
      </c>
      <c r="F32" s="13">
        <v>110</v>
      </c>
      <c r="G32" s="16">
        <v>6900048</v>
      </c>
      <c r="H32" s="13" t="s">
        <v>141</v>
      </c>
      <c r="I32" s="13" t="s">
        <v>142</v>
      </c>
      <c r="J32" s="13"/>
    </row>
    <row r="33" spans="1:10" ht="17.25" customHeight="1" x14ac:dyDescent="0.15">
      <c r="A33" s="13">
        <v>32</v>
      </c>
      <c r="B33" s="13" t="s">
        <v>95</v>
      </c>
      <c r="C33" s="14" t="s">
        <v>103</v>
      </c>
      <c r="D33" s="14"/>
      <c r="E33" s="15" t="s">
        <v>143</v>
      </c>
      <c r="F33" s="13">
        <v>90</v>
      </c>
      <c r="G33" s="16">
        <v>6900012</v>
      </c>
      <c r="H33" s="13" t="s">
        <v>144</v>
      </c>
      <c r="I33" s="13" t="s">
        <v>145</v>
      </c>
      <c r="J33" s="13"/>
    </row>
    <row r="34" spans="1:10" ht="17.25" customHeight="1" x14ac:dyDescent="0.15">
      <c r="A34" s="13">
        <v>33</v>
      </c>
      <c r="B34" s="13" t="s">
        <v>95</v>
      </c>
      <c r="C34" s="14" t="s">
        <v>103</v>
      </c>
      <c r="D34" s="14"/>
      <c r="E34" s="15" t="s">
        <v>678</v>
      </c>
      <c r="F34" s="13">
        <v>120</v>
      </c>
      <c r="G34" s="16">
        <v>6900017</v>
      </c>
      <c r="H34" s="13" t="s">
        <v>146</v>
      </c>
      <c r="I34" s="13" t="s">
        <v>147</v>
      </c>
      <c r="J34" s="13"/>
    </row>
    <row r="35" spans="1:10" ht="17.25" customHeight="1" x14ac:dyDescent="0.15">
      <c r="A35" s="13">
        <v>34</v>
      </c>
      <c r="B35" s="13" t="s">
        <v>95</v>
      </c>
      <c r="C35" s="14" t="s">
        <v>103</v>
      </c>
      <c r="D35" s="14" t="s">
        <v>824</v>
      </c>
      <c r="E35" s="15" t="s">
        <v>806</v>
      </c>
      <c r="F35" s="13">
        <v>70</v>
      </c>
      <c r="G35" s="16">
        <v>6900862</v>
      </c>
      <c r="H35" s="13" t="s">
        <v>148</v>
      </c>
      <c r="I35" s="13" t="s">
        <v>149</v>
      </c>
      <c r="J35" s="13"/>
    </row>
    <row r="36" spans="1:10" ht="17.25" customHeight="1" x14ac:dyDescent="0.15">
      <c r="A36" s="13">
        <v>35</v>
      </c>
      <c r="B36" s="13" t="s">
        <v>95</v>
      </c>
      <c r="C36" s="14" t="s">
        <v>103</v>
      </c>
      <c r="D36" s="14" t="s">
        <v>824</v>
      </c>
      <c r="E36" s="15" t="s">
        <v>807</v>
      </c>
      <c r="F36" s="13">
        <v>45</v>
      </c>
      <c r="G36" s="16">
        <v>6900863</v>
      </c>
      <c r="H36" s="13" t="s">
        <v>442</v>
      </c>
      <c r="I36" s="13" t="s">
        <v>443</v>
      </c>
      <c r="J36" s="13"/>
    </row>
    <row r="37" spans="1:10" ht="17.25" customHeight="1" x14ac:dyDescent="0.15">
      <c r="A37" s="13">
        <v>36</v>
      </c>
      <c r="B37" s="13" t="s">
        <v>95</v>
      </c>
      <c r="C37" s="14" t="s">
        <v>103</v>
      </c>
      <c r="D37" s="14"/>
      <c r="E37" s="15" t="s">
        <v>150</v>
      </c>
      <c r="F37" s="13">
        <v>120</v>
      </c>
      <c r="G37" s="16">
        <v>6900015</v>
      </c>
      <c r="H37" s="13" t="s">
        <v>802</v>
      </c>
      <c r="I37" s="13" t="s">
        <v>151</v>
      </c>
      <c r="J37" s="13"/>
    </row>
    <row r="38" spans="1:10" ht="17.25" customHeight="1" x14ac:dyDescent="0.15">
      <c r="A38" s="13">
        <v>37</v>
      </c>
      <c r="B38" s="13" t="s">
        <v>95</v>
      </c>
      <c r="C38" s="14" t="s">
        <v>103</v>
      </c>
      <c r="D38" s="14"/>
      <c r="E38" s="15" t="s">
        <v>155</v>
      </c>
      <c r="F38" s="13">
        <v>90</v>
      </c>
      <c r="G38" s="16">
        <v>6900017</v>
      </c>
      <c r="H38" s="13" t="s">
        <v>156</v>
      </c>
      <c r="I38" s="13" t="s">
        <v>157</v>
      </c>
      <c r="J38" s="13"/>
    </row>
    <row r="39" spans="1:10" ht="17.25" customHeight="1" x14ac:dyDescent="0.15">
      <c r="A39" s="13">
        <v>38</v>
      </c>
      <c r="B39" s="13" t="s">
        <v>95</v>
      </c>
      <c r="C39" s="14" t="s">
        <v>103</v>
      </c>
      <c r="D39" s="14"/>
      <c r="E39" s="15" t="s">
        <v>158</v>
      </c>
      <c r="F39" s="13">
        <v>60</v>
      </c>
      <c r="G39" s="16">
        <v>6900861</v>
      </c>
      <c r="H39" s="13" t="s">
        <v>159</v>
      </c>
      <c r="I39" s="16" t="s">
        <v>160</v>
      </c>
      <c r="J39" s="13"/>
    </row>
    <row r="40" spans="1:10" ht="17.25" customHeight="1" x14ac:dyDescent="0.15">
      <c r="A40" s="13">
        <v>39</v>
      </c>
      <c r="B40" s="13" t="s">
        <v>95</v>
      </c>
      <c r="C40" s="14" t="s">
        <v>103</v>
      </c>
      <c r="D40" s="14"/>
      <c r="E40" s="15" t="s">
        <v>444</v>
      </c>
      <c r="F40" s="13">
        <v>60</v>
      </c>
      <c r="G40" s="16">
        <v>6900861</v>
      </c>
      <c r="H40" s="13" t="s">
        <v>445</v>
      </c>
      <c r="I40" s="20" t="s">
        <v>446</v>
      </c>
      <c r="J40" s="13"/>
    </row>
    <row r="41" spans="1:10" ht="17.25" customHeight="1" x14ac:dyDescent="0.15">
      <c r="A41" s="13">
        <v>40</v>
      </c>
      <c r="B41" s="13" t="s">
        <v>95</v>
      </c>
      <c r="C41" s="14" t="s">
        <v>103</v>
      </c>
      <c r="D41" s="14"/>
      <c r="E41" s="15" t="s">
        <v>83</v>
      </c>
      <c r="F41" s="13">
        <v>80</v>
      </c>
      <c r="G41" s="16">
        <v>6902102</v>
      </c>
      <c r="H41" s="13" t="s">
        <v>447</v>
      </c>
      <c r="I41" s="13" t="s">
        <v>84</v>
      </c>
      <c r="J41" s="13"/>
    </row>
    <row r="42" spans="1:10" ht="17.25" customHeight="1" x14ac:dyDescent="0.15">
      <c r="A42" s="13">
        <v>41</v>
      </c>
      <c r="B42" s="13" t="s">
        <v>95</v>
      </c>
      <c r="C42" s="14" t="s">
        <v>103</v>
      </c>
      <c r="D42" s="14"/>
      <c r="E42" s="15" t="s">
        <v>85</v>
      </c>
      <c r="F42" s="13">
        <v>120</v>
      </c>
      <c r="G42" s="16">
        <v>6990202</v>
      </c>
      <c r="H42" s="13" t="s">
        <v>448</v>
      </c>
      <c r="I42" s="13" t="s">
        <v>86</v>
      </c>
      <c r="J42" s="13"/>
    </row>
    <row r="43" spans="1:10" ht="17.25" customHeight="1" x14ac:dyDescent="0.15">
      <c r="A43" s="13">
        <v>42</v>
      </c>
      <c r="B43" s="13" t="s">
        <v>95</v>
      </c>
      <c r="C43" s="14" t="s">
        <v>103</v>
      </c>
      <c r="D43" s="14"/>
      <c r="E43" s="15" t="s">
        <v>449</v>
      </c>
      <c r="F43" s="13">
        <v>45</v>
      </c>
      <c r="G43" s="16">
        <v>6902101</v>
      </c>
      <c r="H43" s="13" t="s">
        <v>450</v>
      </c>
      <c r="I43" s="13" t="s">
        <v>451</v>
      </c>
      <c r="J43" s="13"/>
    </row>
    <row r="44" spans="1:10" ht="17.25" customHeight="1" x14ac:dyDescent="0.15">
      <c r="A44" s="13">
        <v>43</v>
      </c>
      <c r="B44" s="13" t="s">
        <v>95</v>
      </c>
      <c r="C44" s="14" t="s">
        <v>103</v>
      </c>
      <c r="D44" s="14"/>
      <c r="E44" s="15" t="s">
        <v>266</v>
      </c>
      <c r="F44" s="13">
        <v>70</v>
      </c>
      <c r="G44" s="16">
        <v>6900855</v>
      </c>
      <c r="H44" s="13" t="s">
        <v>452</v>
      </c>
      <c r="I44" s="13" t="s">
        <v>453</v>
      </c>
      <c r="J44" s="13"/>
    </row>
    <row r="45" spans="1:10" ht="17.25" customHeight="1" x14ac:dyDescent="0.15">
      <c r="A45" s="13">
        <v>44</v>
      </c>
      <c r="B45" s="13" t="s">
        <v>95</v>
      </c>
      <c r="C45" s="14" t="s">
        <v>103</v>
      </c>
      <c r="D45" s="14"/>
      <c r="E45" s="15" t="s">
        <v>454</v>
      </c>
      <c r="F45" s="13">
        <v>90</v>
      </c>
      <c r="G45" s="16">
        <v>6900045</v>
      </c>
      <c r="H45" s="13" t="s">
        <v>455</v>
      </c>
      <c r="I45" s="13" t="s">
        <v>456</v>
      </c>
      <c r="J45" s="13"/>
    </row>
    <row r="46" spans="1:10" ht="17.25" customHeight="1" x14ac:dyDescent="0.15">
      <c r="A46" s="13">
        <v>45</v>
      </c>
      <c r="B46" s="13" t="s">
        <v>95</v>
      </c>
      <c r="C46" s="14" t="s">
        <v>103</v>
      </c>
      <c r="D46" s="14"/>
      <c r="E46" s="15" t="s">
        <v>457</v>
      </c>
      <c r="F46" s="13">
        <v>40</v>
      </c>
      <c r="G46" s="16">
        <v>6900044</v>
      </c>
      <c r="H46" s="13" t="s">
        <v>458</v>
      </c>
      <c r="I46" s="13" t="s">
        <v>459</v>
      </c>
      <c r="J46" s="13"/>
    </row>
    <row r="47" spans="1:10" ht="17.25" customHeight="1" x14ac:dyDescent="0.15">
      <c r="A47" s="13">
        <v>46</v>
      </c>
      <c r="B47" s="13" t="s">
        <v>95</v>
      </c>
      <c r="C47" s="14" t="s">
        <v>103</v>
      </c>
      <c r="D47" s="14"/>
      <c r="E47" s="15" t="s">
        <v>460</v>
      </c>
      <c r="F47" s="13">
        <v>60</v>
      </c>
      <c r="G47" s="16">
        <v>6900015</v>
      </c>
      <c r="H47" s="13" t="s">
        <v>461</v>
      </c>
      <c r="I47" s="13" t="s">
        <v>462</v>
      </c>
      <c r="J47" s="13"/>
    </row>
    <row r="48" spans="1:10" ht="17.25" customHeight="1" x14ac:dyDescent="0.15">
      <c r="A48" s="13">
        <v>47</v>
      </c>
      <c r="B48" s="13" t="s">
        <v>95</v>
      </c>
      <c r="C48" s="14" t="s">
        <v>103</v>
      </c>
      <c r="D48" s="14"/>
      <c r="E48" s="15" t="s">
        <v>463</v>
      </c>
      <c r="F48" s="13">
        <v>50</v>
      </c>
      <c r="G48" s="16">
        <v>6900055</v>
      </c>
      <c r="H48" s="13" t="s">
        <v>464</v>
      </c>
      <c r="I48" s="13" t="s">
        <v>465</v>
      </c>
      <c r="J48" s="13"/>
    </row>
    <row r="49" spans="1:10" x14ac:dyDescent="0.15">
      <c r="A49" s="13">
        <v>48</v>
      </c>
      <c r="B49" s="13" t="s">
        <v>95</v>
      </c>
      <c r="C49" s="14" t="s">
        <v>103</v>
      </c>
      <c r="D49" s="14"/>
      <c r="E49" s="15" t="s">
        <v>466</v>
      </c>
      <c r="F49" s="13">
        <v>60</v>
      </c>
      <c r="G49" s="16">
        <v>6900855</v>
      </c>
      <c r="H49" s="13" t="s">
        <v>467</v>
      </c>
      <c r="I49" s="13" t="s">
        <v>468</v>
      </c>
      <c r="J49" s="13"/>
    </row>
    <row r="50" spans="1:10" ht="17.25" customHeight="1" x14ac:dyDescent="0.15">
      <c r="A50" s="13">
        <v>49</v>
      </c>
      <c r="B50" s="13" t="s">
        <v>95</v>
      </c>
      <c r="C50" s="14" t="s">
        <v>103</v>
      </c>
      <c r="D50" s="14"/>
      <c r="E50" s="15" t="s">
        <v>469</v>
      </c>
      <c r="F50" s="13">
        <v>100</v>
      </c>
      <c r="G50" s="16">
        <v>6900017</v>
      </c>
      <c r="H50" s="13" t="s">
        <v>470</v>
      </c>
      <c r="I50" s="13" t="s">
        <v>471</v>
      </c>
      <c r="J50" s="13"/>
    </row>
    <row r="51" spans="1:10" ht="17.25" customHeight="1" x14ac:dyDescent="0.15">
      <c r="A51" s="13">
        <v>50</v>
      </c>
      <c r="B51" s="13" t="s">
        <v>95</v>
      </c>
      <c r="C51" s="14" t="s">
        <v>103</v>
      </c>
      <c r="D51" s="14"/>
      <c r="E51" s="15" t="s">
        <v>472</v>
      </c>
      <c r="F51" s="13">
        <v>30</v>
      </c>
      <c r="G51" s="16">
        <v>6900855</v>
      </c>
      <c r="H51" s="13" t="s">
        <v>473</v>
      </c>
      <c r="I51" s="13" t="s">
        <v>474</v>
      </c>
      <c r="J51" s="13"/>
    </row>
    <row r="52" spans="1:10" ht="17.25" customHeight="1" x14ac:dyDescent="0.15">
      <c r="A52" s="13">
        <v>51</v>
      </c>
      <c r="B52" s="13" t="s">
        <v>95</v>
      </c>
      <c r="C52" s="14" t="s">
        <v>103</v>
      </c>
      <c r="D52" s="14"/>
      <c r="E52" s="15" t="s">
        <v>475</v>
      </c>
      <c r="F52" s="13">
        <v>90</v>
      </c>
      <c r="G52" s="16">
        <v>6900033</v>
      </c>
      <c r="H52" s="13" t="s">
        <v>476</v>
      </c>
      <c r="I52" s="13" t="s">
        <v>477</v>
      </c>
      <c r="J52" s="13"/>
    </row>
    <row r="53" spans="1:10" ht="17.25" customHeight="1" x14ac:dyDescent="0.15">
      <c r="A53" s="13">
        <v>52</v>
      </c>
      <c r="B53" s="13" t="s">
        <v>95</v>
      </c>
      <c r="C53" s="14" t="s">
        <v>103</v>
      </c>
      <c r="D53" s="14"/>
      <c r="E53" s="15" t="s">
        <v>478</v>
      </c>
      <c r="F53" s="13">
        <v>110</v>
      </c>
      <c r="G53" s="16">
        <v>6900823</v>
      </c>
      <c r="H53" s="13" t="s">
        <v>479</v>
      </c>
      <c r="I53" s="13" t="s">
        <v>480</v>
      </c>
      <c r="J53" s="13"/>
    </row>
    <row r="54" spans="1:10" ht="17.25" customHeight="1" x14ac:dyDescent="0.15">
      <c r="A54" s="13">
        <v>53</v>
      </c>
      <c r="B54" s="13" t="s">
        <v>95</v>
      </c>
      <c r="C54" s="14" t="s">
        <v>103</v>
      </c>
      <c r="D54" s="14" t="s">
        <v>679</v>
      </c>
      <c r="E54" s="15" t="s">
        <v>481</v>
      </c>
      <c r="F54" s="13">
        <v>60</v>
      </c>
      <c r="G54" s="16">
        <v>6900863</v>
      </c>
      <c r="H54" s="13" t="s">
        <v>482</v>
      </c>
      <c r="I54" s="13" t="s">
        <v>483</v>
      </c>
      <c r="J54" s="13"/>
    </row>
    <row r="55" spans="1:10" ht="17.25" customHeight="1" x14ac:dyDescent="0.15">
      <c r="A55" s="13">
        <v>54</v>
      </c>
      <c r="B55" s="13" t="s">
        <v>95</v>
      </c>
      <c r="C55" s="14" t="s">
        <v>103</v>
      </c>
      <c r="D55" s="14"/>
      <c r="E55" s="15" t="s">
        <v>484</v>
      </c>
      <c r="F55" s="13">
        <v>120</v>
      </c>
      <c r="G55" s="16">
        <v>6900045</v>
      </c>
      <c r="H55" s="13" t="s">
        <v>485</v>
      </c>
      <c r="I55" s="13" t="s">
        <v>486</v>
      </c>
      <c r="J55" s="13"/>
    </row>
    <row r="56" spans="1:10" ht="17.25" customHeight="1" x14ac:dyDescent="0.15">
      <c r="A56" s="13">
        <v>55</v>
      </c>
      <c r="B56" s="13" t="s">
        <v>95</v>
      </c>
      <c r="C56" s="14" t="s">
        <v>103</v>
      </c>
      <c r="D56" s="14"/>
      <c r="E56" s="15" t="s">
        <v>487</v>
      </c>
      <c r="F56" s="13">
        <v>90</v>
      </c>
      <c r="G56" s="16">
        <v>6900876</v>
      </c>
      <c r="H56" s="13" t="s">
        <v>488</v>
      </c>
      <c r="I56" s="13" t="s">
        <v>489</v>
      </c>
      <c r="J56" s="13"/>
    </row>
    <row r="57" spans="1:10" ht="17.25" customHeight="1" x14ac:dyDescent="0.15">
      <c r="A57" s="13">
        <v>56</v>
      </c>
      <c r="B57" s="13" t="s">
        <v>95</v>
      </c>
      <c r="C57" s="14" t="s">
        <v>103</v>
      </c>
      <c r="D57" s="14"/>
      <c r="E57" s="15" t="s">
        <v>490</v>
      </c>
      <c r="F57" s="13">
        <v>110</v>
      </c>
      <c r="G57" s="16">
        <v>6900033</v>
      </c>
      <c r="H57" s="13" t="s">
        <v>491</v>
      </c>
      <c r="I57" s="13" t="s">
        <v>492</v>
      </c>
      <c r="J57" s="13"/>
    </row>
    <row r="58" spans="1:10" ht="17.25" customHeight="1" x14ac:dyDescent="0.15">
      <c r="A58" s="13">
        <v>57</v>
      </c>
      <c r="B58" s="13" t="s">
        <v>95</v>
      </c>
      <c r="C58" s="14" t="s">
        <v>103</v>
      </c>
      <c r="D58" s="14"/>
      <c r="E58" s="15" t="s">
        <v>359</v>
      </c>
      <c r="F58" s="13">
        <v>80</v>
      </c>
      <c r="G58" s="16">
        <v>6900825</v>
      </c>
      <c r="H58" s="13" t="s">
        <v>493</v>
      </c>
      <c r="I58" s="13" t="s">
        <v>494</v>
      </c>
      <c r="J58" s="13"/>
    </row>
    <row r="59" spans="1:10" ht="17.25" customHeight="1" x14ac:dyDescent="0.15">
      <c r="A59" s="13">
        <v>58</v>
      </c>
      <c r="B59" s="13" t="s">
        <v>95</v>
      </c>
      <c r="C59" s="14" t="s">
        <v>103</v>
      </c>
      <c r="D59" s="14"/>
      <c r="E59" s="15" t="s">
        <v>495</v>
      </c>
      <c r="F59" s="13">
        <v>90</v>
      </c>
      <c r="G59" s="16">
        <v>6900816</v>
      </c>
      <c r="H59" s="13" t="s">
        <v>496</v>
      </c>
      <c r="I59" s="13" t="s">
        <v>497</v>
      </c>
      <c r="J59" s="13"/>
    </row>
    <row r="60" spans="1:10" ht="17.25" customHeight="1" x14ac:dyDescent="0.15">
      <c r="A60" s="13">
        <v>59</v>
      </c>
      <c r="B60" s="13" t="s">
        <v>95</v>
      </c>
      <c r="C60" s="14" t="s">
        <v>103</v>
      </c>
      <c r="D60" s="14"/>
      <c r="E60" s="15" t="s">
        <v>498</v>
      </c>
      <c r="F60" s="13">
        <v>60</v>
      </c>
      <c r="G60" s="16">
        <v>6900024</v>
      </c>
      <c r="H60" s="13" t="s">
        <v>499</v>
      </c>
      <c r="I60" s="13" t="s">
        <v>500</v>
      </c>
      <c r="J60" s="13"/>
    </row>
    <row r="61" spans="1:10" ht="17.25" customHeight="1" x14ac:dyDescent="0.15">
      <c r="A61" s="13">
        <v>60</v>
      </c>
      <c r="B61" s="13" t="s">
        <v>95</v>
      </c>
      <c r="C61" s="14" t="s">
        <v>103</v>
      </c>
      <c r="D61" s="14"/>
      <c r="E61" s="15" t="s">
        <v>501</v>
      </c>
      <c r="F61" s="13">
        <v>120</v>
      </c>
      <c r="G61" s="16">
        <v>6990110</v>
      </c>
      <c r="H61" s="13" t="s">
        <v>873</v>
      </c>
      <c r="I61" s="13" t="s">
        <v>502</v>
      </c>
      <c r="J61" s="13"/>
    </row>
    <row r="62" spans="1:10" ht="17.25" customHeight="1" x14ac:dyDescent="0.15">
      <c r="A62" s="13">
        <v>61</v>
      </c>
      <c r="B62" s="13" t="s">
        <v>95</v>
      </c>
      <c r="C62" s="14" t="s">
        <v>103</v>
      </c>
      <c r="D62" s="14"/>
      <c r="E62" s="15" t="s">
        <v>503</v>
      </c>
      <c r="F62" s="13">
        <v>90</v>
      </c>
      <c r="G62" s="16">
        <v>6900112</v>
      </c>
      <c r="H62" s="13" t="s">
        <v>504</v>
      </c>
      <c r="I62" s="15" t="s">
        <v>505</v>
      </c>
      <c r="J62" s="13"/>
    </row>
    <row r="63" spans="1:10" ht="17.25" customHeight="1" x14ac:dyDescent="0.15">
      <c r="A63" s="13">
        <v>62</v>
      </c>
      <c r="B63" s="13" t="s">
        <v>95</v>
      </c>
      <c r="C63" s="14" t="s">
        <v>96</v>
      </c>
      <c r="D63" s="14"/>
      <c r="E63" s="15" t="s">
        <v>680</v>
      </c>
      <c r="F63" s="13">
        <v>50</v>
      </c>
      <c r="G63" s="16">
        <v>6900851</v>
      </c>
      <c r="H63" s="13" t="s">
        <v>681</v>
      </c>
      <c r="I63" s="15" t="s">
        <v>682</v>
      </c>
      <c r="J63" s="13"/>
    </row>
    <row r="64" spans="1:10" ht="17.25" customHeight="1" x14ac:dyDescent="0.15">
      <c r="A64" s="13">
        <v>63</v>
      </c>
      <c r="B64" s="13" t="s">
        <v>95</v>
      </c>
      <c r="C64" s="14" t="s">
        <v>103</v>
      </c>
      <c r="D64" s="14"/>
      <c r="E64" s="15" t="s">
        <v>683</v>
      </c>
      <c r="F64" s="13">
        <v>120</v>
      </c>
      <c r="G64" s="16">
        <v>6900053</v>
      </c>
      <c r="H64" s="13" t="s">
        <v>684</v>
      </c>
      <c r="I64" s="15" t="s">
        <v>825</v>
      </c>
      <c r="J64" s="13"/>
    </row>
    <row r="65" spans="1:78" ht="17.25" customHeight="1" x14ac:dyDescent="0.15">
      <c r="A65" s="13">
        <v>64</v>
      </c>
      <c r="B65" s="13" t="s">
        <v>95</v>
      </c>
      <c r="C65" s="14" t="s">
        <v>103</v>
      </c>
      <c r="D65" s="14"/>
      <c r="E65" s="15" t="s">
        <v>793</v>
      </c>
      <c r="F65" s="13">
        <v>90</v>
      </c>
      <c r="G65" s="16">
        <v>6900825</v>
      </c>
      <c r="H65" s="13" t="s">
        <v>794</v>
      </c>
      <c r="I65" s="15" t="s">
        <v>867</v>
      </c>
      <c r="J65" s="13"/>
    </row>
    <row r="66" spans="1:78" ht="17.25" customHeight="1" x14ac:dyDescent="0.15">
      <c r="A66" s="13">
        <v>65</v>
      </c>
      <c r="B66" s="13" t="s">
        <v>95</v>
      </c>
      <c r="C66" s="14" t="s">
        <v>103</v>
      </c>
      <c r="D66" s="14" t="s">
        <v>824</v>
      </c>
      <c r="E66" s="15" t="s">
        <v>860</v>
      </c>
      <c r="F66" s="13">
        <v>96</v>
      </c>
      <c r="G66" s="16">
        <v>6990202</v>
      </c>
      <c r="H66" s="13" t="s">
        <v>796</v>
      </c>
      <c r="I66" s="15" t="s">
        <v>868</v>
      </c>
      <c r="J66" s="13"/>
    </row>
    <row r="67" spans="1:78" ht="17.25" customHeight="1" x14ac:dyDescent="0.15">
      <c r="A67" s="13">
        <v>66</v>
      </c>
      <c r="B67" s="13" t="s">
        <v>95</v>
      </c>
      <c r="C67" s="14" t="s">
        <v>103</v>
      </c>
      <c r="D67" s="14"/>
      <c r="E67" s="15" t="s">
        <v>795</v>
      </c>
      <c r="F67" s="13">
        <v>40</v>
      </c>
      <c r="G67" s="16">
        <v>6900033</v>
      </c>
      <c r="H67" s="13" t="s">
        <v>797</v>
      </c>
      <c r="I67" s="15" t="s">
        <v>869</v>
      </c>
      <c r="J67" s="13"/>
    </row>
    <row r="68" spans="1:78" s="12" customFormat="1" ht="17.25" customHeight="1" x14ac:dyDescent="0.15">
      <c r="A68" s="13">
        <v>67</v>
      </c>
      <c r="B68" s="22" t="s">
        <v>95</v>
      </c>
      <c r="C68" s="23" t="s">
        <v>103</v>
      </c>
      <c r="D68" s="22"/>
      <c r="E68" s="24" t="s">
        <v>826</v>
      </c>
      <c r="F68" s="22">
        <v>60</v>
      </c>
      <c r="G68" s="22">
        <v>6900044</v>
      </c>
      <c r="H68" s="22" t="s">
        <v>827</v>
      </c>
      <c r="I68" s="24" t="s">
        <v>828</v>
      </c>
      <c r="J68" s="22"/>
      <c r="K68" s="11"/>
      <c r="L68" s="11"/>
      <c r="M68" s="11"/>
      <c r="N68" s="11"/>
      <c r="O68" s="11"/>
      <c r="P68" s="11"/>
      <c r="Q68" s="11"/>
      <c r="R68" s="11"/>
      <c r="S68" s="11"/>
      <c r="T68" s="11"/>
      <c r="U68" s="11"/>
      <c r="V68" s="11"/>
      <c r="W68" s="11"/>
      <c r="X68" s="11"/>
      <c r="Y68" s="11"/>
      <c r="Z68" s="11"/>
      <c r="AA68" s="11"/>
      <c r="AB68" s="11"/>
      <c r="AC68" s="11"/>
      <c r="AD68" s="11"/>
      <c r="AE68" s="11"/>
      <c r="AF68" s="11"/>
      <c r="AG68" s="11"/>
      <c r="AH68" s="11"/>
      <c r="AI68" s="11"/>
      <c r="AJ68" s="11"/>
      <c r="AK68" s="11"/>
      <c r="AL68" s="11"/>
      <c r="AM68" s="11"/>
      <c r="AN68" s="11"/>
      <c r="AO68" s="11"/>
      <c r="AP68" s="11"/>
      <c r="AQ68" s="11"/>
      <c r="AR68" s="11"/>
      <c r="AS68" s="11"/>
      <c r="AT68" s="11"/>
      <c r="AU68" s="11"/>
      <c r="AV68" s="11"/>
      <c r="AW68" s="11"/>
      <c r="AX68" s="11"/>
      <c r="AY68" s="11"/>
      <c r="AZ68" s="11"/>
      <c r="BA68" s="11"/>
      <c r="BB68" s="11"/>
      <c r="BC68" s="11"/>
      <c r="BD68" s="11"/>
      <c r="BE68" s="11"/>
      <c r="BF68" s="11"/>
      <c r="BG68" s="11"/>
      <c r="BH68" s="11"/>
      <c r="BI68" s="11"/>
      <c r="BJ68" s="11"/>
      <c r="BK68" s="11"/>
      <c r="BL68" s="11"/>
      <c r="BM68" s="11"/>
      <c r="BN68" s="11"/>
      <c r="BO68" s="11"/>
      <c r="BP68" s="11"/>
      <c r="BQ68" s="11"/>
      <c r="BR68" s="11"/>
      <c r="BS68" s="11"/>
      <c r="BT68" s="11"/>
      <c r="BU68" s="11"/>
      <c r="BV68" s="11"/>
      <c r="BW68" s="11"/>
      <c r="BX68" s="11"/>
      <c r="BY68" s="11"/>
      <c r="BZ68" s="11"/>
    </row>
    <row r="69" spans="1:78" ht="17.25" customHeight="1" x14ac:dyDescent="0.15">
      <c r="A69" s="13">
        <v>68</v>
      </c>
      <c r="B69" s="13" t="s">
        <v>265</v>
      </c>
      <c r="C69" s="14" t="s">
        <v>103</v>
      </c>
      <c r="D69" s="14"/>
      <c r="E69" s="15" t="s">
        <v>266</v>
      </c>
      <c r="F69" s="13">
        <v>90</v>
      </c>
      <c r="G69" s="16">
        <v>6970034</v>
      </c>
      <c r="H69" s="13" t="s">
        <v>829</v>
      </c>
      <c r="I69" s="13" t="s">
        <v>830</v>
      </c>
      <c r="J69" s="13"/>
    </row>
    <row r="70" spans="1:78" ht="17.25" customHeight="1" x14ac:dyDescent="0.15">
      <c r="A70" s="13">
        <v>69</v>
      </c>
      <c r="B70" s="13" t="s">
        <v>265</v>
      </c>
      <c r="C70" s="14" t="s">
        <v>103</v>
      </c>
      <c r="D70" s="14"/>
      <c r="E70" s="15" t="s">
        <v>831</v>
      </c>
      <c r="F70" s="13">
        <v>20</v>
      </c>
      <c r="G70" s="16">
        <v>6970311</v>
      </c>
      <c r="H70" s="13" t="s">
        <v>832</v>
      </c>
      <c r="I70" s="13" t="s">
        <v>833</v>
      </c>
      <c r="J70" s="13"/>
    </row>
    <row r="71" spans="1:78" ht="17.25" customHeight="1" x14ac:dyDescent="0.15">
      <c r="A71" s="13">
        <v>70</v>
      </c>
      <c r="B71" s="13" t="s">
        <v>265</v>
      </c>
      <c r="C71" s="14" t="s">
        <v>103</v>
      </c>
      <c r="D71" s="14"/>
      <c r="E71" s="15" t="s">
        <v>834</v>
      </c>
      <c r="F71" s="13">
        <v>60</v>
      </c>
      <c r="G71" s="16">
        <v>6970021</v>
      </c>
      <c r="H71" s="13" t="s">
        <v>835</v>
      </c>
      <c r="I71" s="13" t="s">
        <v>836</v>
      </c>
      <c r="J71" s="13"/>
    </row>
    <row r="72" spans="1:78" ht="17.25" customHeight="1" x14ac:dyDescent="0.15">
      <c r="A72" s="13">
        <v>71</v>
      </c>
      <c r="B72" s="13" t="s">
        <v>265</v>
      </c>
      <c r="C72" s="14" t="s">
        <v>103</v>
      </c>
      <c r="D72" s="14"/>
      <c r="E72" s="15" t="s">
        <v>837</v>
      </c>
      <c r="F72" s="13">
        <v>50</v>
      </c>
      <c r="G72" s="16">
        <v>6970063</v>
      </c>
      <c r="H72" s="13" t="s">
        <v>838</v>
      </c>
      <c r="I72" s="13" t="s">
        <v>839</v>
      </c>
      <c r="J72" s="25"/>
    </row>
    <row r="73" spans="1:78" ht="17.25" customHeight="1" x14ac:dyDescent="0.15">
      <c r="A73" s="13">
        <v>72</v>
      </c>
      <c r="B73" s="13" t="s">
        <v>265</v>
      </c>
      <c r="C73" s="14" t="s">
        <v>103</v>
      </c>
      <c r="D73" s="14" t="s">
        <v>679</v>
      </c>
      <c r="E73" s="15" t="s">
        <v>874</v>
      </c>
      <c r="F73" s="13">
        <v>160</v>
      </c>
      <c r="G73" s="16">
        <v>6970052</v>
      </c>
      <c r="H73" s="13" t="s">
        <v>840</v>
      </c>
      <c r="I73" s="13" t="s">
        <v>841</v>
      </c>
      <c r="J73" s="13"/>
    </row>
    <row r="74" spans="1:78" ht="17.25" customHeight="1" x14ac:dyDescent="0.15">
      <c r="A74" s="13">
        <v>73</v>
      </c>
      <c r="B74" s="13" t="s">
        <v>265</v>
      </c>
      <c r="C74" s="14" t="s">
        <v>103</v>
      </c>
      <c r="D74" s="14"/>
      <c r="E74" s="15" t="s">
        <v>842</v>
      </c>
      <c r="F74" s="13">
        <v>130</v>
      </c>
      <c r="G74" s="16">
        <v>6970023</v>
      </c>
      <c r="H74" s="13" t="s">
        <v>843</v>
      </c>
      <c r="I74" s="13" t="s">
        <v>844</v>
      </c>
      <c r="J74" s="13"/>
    </row>
    <row r="75" spans="1:78" ht="17.25" customHeight="1" x14ac:dyDescent="0.15">
      <c r="A75" s="13">
        <v>74</v>
      </c>
      <c r="B75" s="13" t="s">
        <v>265</v>
      </c>
      <c r="C75" s="14" t="s">
        <v>103</v>
      </c>
      <c r="D75" s="14" t="s">
        <v>679</v>
      </c>
      <c r="E75" s="15" t="s">
        <v>845</v>
      </c>
      <c r="F75" s="13">
        <v>130</v>
      </c>
      <c r="G75" s="16">
        <v>6970003</v>
      </c>
      <c r="H75" s="16" t="s">
        <v>846</v>
      </c>
      <c r="I75" s="16" t="s">
        <v>847</v>
      </c>
      <c r="J75" s="13"/>
    </row>
    <row r="76" spans="1:78" ht="17.25" customHeight="1" x14ac:dyDescent="0.15">
      <c r="A76" s="13">
        <v>75</v>
      </c>
      <c r="B76" s="13" t="s">
        <v>265</v>
      </c>
      <c r="C76" s="14" t="s">
        <v>103</v>
      </c>
      <c r="D76" s="14"/>
      <c r="E76" s="15" t="s">
        <v>848</v>
      </c>
      <c r="F76" s="13">
        <v>60</v>
      </c>
      <c r="G76" s="16">
        <v>6971321</v>
      </c>
      <c r="H76" s="13" t="s">
        <v>849</v>
      </c>
      <c r="I76" s="13" t="s">
        <v>850</v>
      </c>
      <c r="J76" s="13"/>
    </row>
    <row r="77" spans="1:78" ht="17.25" customHeight="1" x14ac:dyDescent="0.15">
      <c r="A77" s="13">
        <v>76</v>
      </c>
      <c r="B77" s="26" t="s">
        <v>265</v>
      </c>
      <c r="C77" s="27" t="s">
        <v>103</v>
      </c>
      <c r="D77" s="27" t="s">
        <v>679</v>
      </c>
      <c r="E77" s="17" t="s">
        <v>685</v>
      </c>
      <c r="F77" s="26">
        <v>130</v>
      </c>
      <c r="G77" s="28">
        <v>6971322</v>
      </c>
      <c r="H77" s="26" t="s">
        <v>267</v>
      </c>
      <c r="I77" s="26" t="s">
        <v>268</v>
      </c>
      <c r="J77" s="29"/>
    </row>
    <row r="78" spans="1:78" ht="17.25" customHeight="1" x14ac:dyDescent="0.15">
      <c r="A78" s="13">
        <v>77</v>
      </c>
      <c r="B78" s="13" t="s">
        <v>265</v>
      </c>
      <c r="C78" s="14" t="s">
        <v>103</v>
      </c>
      <c r="D78" s="14"/>
      <c r="E78" s="15" t="s">
        <v>269</v>
      </c>
      <c r="F78" s="13">
        <v>70</v>
      </c>
      <c r="G78" s="16">
        <v>6971331</v>
      </c>
      <c r="H78" s="13" t="s">
        <v>579</v>
      </c>
      <c r="I78" s="13" t="s">
        <v>270</v>
      </c>
      <c r="J78" s="25"/>
    </row>
    <row r="79" spans="1:78" ht="17.25" customHeight="1" x14ac:dyDescent="0.15">
      <c r="A79" s="13">
        <v>78</v>
      </c>
      <c r="B79" s="13" t="s">
        <v>265</v>
      </c>
      <c r="C79" s="14" t="s">
        <v>103</v>
      </c>
      <c r="D79" s="14"/>
      <c r="E79" s="15" t="s">
        <v>580</v>
      </c>
      <c r="F79" s="13">
        <v>20</v>
      </c>
      <c r="G79" s="16">
        <v>6971122</v>
      </c>
      <c r="H79" s="13" t="s">
        <v>581</v>
      </c>
      <c r="I79" s="13" t="s">
        <v>271</v>
      </c>
      <c r="J79" s="13"/>
    </row>
    <row r="80" spans="1:78" ht="17.25" customHeight="1" x14ac:dyDescent="0.15">
      <c r="A80" s="13">
        <v>79</v>
      </c>
      <c r="B80" s="13" t="s">
        <v>265</v>
      </c>
      <c r="C80" s="14" t="s">
        <v>103</v>
      </c>
      <c r="D80" s="14"/>
      <c r="E80" s="15" t="s">
        <v>686</v>
      </c>
      <c r="F80" s="13">
        <v>20</v>
      </c>
      <c r="G80" s="16">
        <v>6971211</v>
      </c>
      <c r="H80" s="13" t="s">
        <v>582</v>
      </c>
      <c r="I80" s="13" t="s">
        <v>272</v>
      </c>
      <c r="J80" s="13"/>
    </row>
    <row r="81" spans="1:10" x14ac:dyDescent="0.15">
      <c r="A81" s="13">
        <v>80</v>
      </c>
      <c r="B81" s="13" t="s">
        <v>265</v>
      </c>
      <c r="C81" s="14" t="s">
        <v>103</v>
      </c>
      <c r="D81" s="14"/>
      <c r="E81" s="15" t="s">
        <v>273</v>
      </c>
      <c r="F81" s="13">
        <v>90</v>
      </c>
      <c r="G81" s="16">
        <v>6970056</v>
      </c>
      <c r="H81" s="13" t="s">
        <v>274</v>
      </c>
      <c r="I81" s="13" t="s">
        <v>275</v>
      </c>
      <c r="J81" s="13"/>
    </row>
    <row r="82" spans="1:10" ht="17.25" customHeight="1" x14ac:dyDescent="0.15">
      <c r="A82" s="13">
        <v>81</v>
      </c>
      <c r="B82" s="13" t="s">
        <v>265</v>
      </c>
      <c r="C82" s="14" t="s">
        <v>103</v>
      </c>
      <c r="D82" s="14"/>
      <c r="E82" s="15" t="s">
        <v>276</v>
      </c>
      <c r="F82" s="13">
        <v>90</v>
      </c>
      <c r="G82" s="16">
        <v>6970022</v>
      </c>
      <c r="H82" s="13" t="s">
        <v>277</v>
      </c>
      <c r="I82" s="13" t="s">
        <v>278</v>
      </c>
      <c r="J82" s="13"/>
    </row>
    <row r="83" spans="1:10" ht="17.25" customHeight="1" x14ac:dyDescent="0.15">
      <c r="A83" s="13">
        <v>82</v>
      </c>
      <c r="B83" s="13" t="s">
        <v>265</v>
      </c>
      <c r="C83" s="14" t="s">
        <v>103</v>
      </c>
      <c r="D83" s="14"/>
      <c r="E83" s="15" t="s">
        <v>279</v>
      </c>
      <c r="F83" s="13">
        <v>60</v>
      </c>
      <c r="G83" s="16">
        <v>6970062</v>
      </c>
      <c r="H83" s="13" t="s">
        <v>280</v>
      </c>
      <c r="I83" s="13" t="s">
        <v>281</v>
      </c>
      <c r="J83" s="13"/>
    </row>
    <row r="84" spans="1:10" ht="17.25" customHeight="1" x14ac:dyDescent="0.15">
      <c r="A84" s="13">
        <v>83</v>
      </c>
      <c r="B84" s="13" t="s">
        <v>265</v>
      </c>
      <c r="C84" s="14" t="s">
        <v>103</v>
      </c>
      <c r="D84" s="14"/>
      <c r="E84" s="15" t="s">
        <v>282</v>
      </c>
      <c r="F84" s="13">
        <v>90</v>
      </c>
      <c r="G84" s="16">
        <v>6970053</v>
      </c>
      <c r="H84" s="13" t="s">
        <v>283</v>
      </c>
      <c r="I84" s="13" t="s">
        <v>284</v>
      </c>
      <c r="J84" s="13"/>
    </row>
    <row r="85" spans="1:10" ht="17.25" customHeight="1" x14ac:dyDescent="0.15">
      <c r="A85" s="13">
        <v>84</v>
      </c>
      <c r="B85" s="13" t="s">
        <v>265</v>
      </c>
      <c r="C85" s="14" t="s">
        <v>103</v>
      </c>
      <c r="D85" s="14"/>
      <c r="E85" s="15" t="s">
        <v>285</v>
      </c>
      <c r="F85" s="13">
        <v>40</v>
      </c>
      <c r="G85" s="16">
        <v>6970302</v>
      </c>
      <c r="H85" s="13" t="s">
        <v>583</v>
      </c>
      <c r="I85" s="13" t="s">
        <v>286</v>
      </c>
      <c r="J85" s="13"/>
    </row>
    <row r="86" spans="1:10" ht="17.25" customHeight="1" x14ac:dyDescent="0.15">
      <c r="A86" s="13">
        <v>85</v>
      </c>
      <c r="B86" s="13" t="s">
        <v>265</v>
      </c>
      <c r="C86" s="14" t="s">
        <v>103</v>
      </c>
      <c r="D86" s="14"/>
      <c r="E86" s="15" t="s">
        <v>287</v>
      </c>
      <c r="F86" s="13">
        <v>20</v>
      </c>
      <c r="G86" s="16">
        <v>6970211</v>
      </c>
      <c r="H86" s="13" t="s">
        <v>584</v>
      </c>
      <c r="I86" s="13" t="s">
        <v>288</v>
      </c>
      <c r="J86" s="13"/>
    </row>
    <row r="87" spans="1:10" ht="17.25" customHeight="1" x14ac:dyDescent="0.15">
      <c r="A87" s="13">
        <v>86</v>
      </c>
      <c r="B87" s="13" t="s">
        <v>265</v>
      </c>
      <c r="C87" s="14" t="s">
        <v>103</v>
      </c>
      <c r="D87" s="14"/>
      <c r="E87" s="15" t="s">
        <v>289</v>
      </c>
      <c r="F87" s="13">
        <v>90</v>
      </c>
      <c r="G87" s="16">
        <v>6970123</v>
      </c>
      <c r="H87" s="13" t="s">
        <v>585</v>
      </c>
      <c r="I87" s="13" t="s">
        <v>290</v>
      </c>
      <c r="J87" s="13"/>
    </row>
    <row r="88" spans="1:10" ht="17.25" customHeight="1" x14ac:dyDescent="0.15">
      <c r="A88" s="13">
        <v>87</v>
      </c>
      <c r="B88" s="13" t="s">
        <v>265</v>
      </c>
      <c r="C88" s="14" t="s">
        <v>103</v>
      </c>
      <c r="D88" s="14"/>
      <c r="E88" s="15" t="s">
        <v>291</v>
      </c>
      <c r="F88" s="13">
        <v>30</v>
      </c>
      <c r="G88" s="16">
        <v>6970213</v>
      </c>
      <c r="H88" s="13" t="s">
        <v>586</v>
      </c>
      <c r="I88" s="13" t="s">
        <v>292</v>
      </c>
      <c r="J88" s="25"/>
    </row>
    <row r="89" spans="1:10" ht="17.25" customHeight="1" x14ac:dyDescent="0.15">
      <c r="A89" s="13">
        <v>88</v>
      </c>
      <c r="B89" s="13" t="s">
        <v>265</v>
      </c>
      <c r="C89" s="14" t="s">
        <v>103</v>
      </c>
      <c r="D89" s="14"/>
      <c r="E89" s="15" t="s">
        <v>293</v>
      </c>
      <c r="F89" s="13">
        <v>80</v>
      </c>
      <c r="G89" s="16">
        <v>6993212</v>
      </c>
      <c r="H89" s="13" t="s">
        <v>587</v>
      </c>
      <c r="I89" s="13" t="s">
        <v>294</v>
      </c>
      <c r="J89" s="25"/>
    </row>
    <row r="90" spans="1:10" ht="17.25" customHeight="1" x14ac:dyDescent="0.15">
      <c r="A90" s="13">
        <v>89</v>
      </c>
      <c r="B90" s="13" t="s">
        <v>265</v>
      </c>
      <c r="C90" s="14" t="s">
        <v>103</v>
      </c>
      <c r="D90" s="14"/>
      <c r="E90" s="15" t="s">
        <v>295</v>
      </c>
      <c r="F90" s="13">
        <v>40</v>
      </c>
      <c r="G90" s="16">
        <v>6993226</v>
      </c>
      <c r="H90" s="13" t="s">
        <v>588</v>
      </c>
      <c r="I90" s="13" t="s">
        <v>296</v>
      </c>
      <c r="J90" s="15"/>
    </row>
    <row r="91" spans="1:10" ht="17.25" customHeight="1" x14ac:dyDescent="0.15">
      <c r="A91" s="13">
        <v>90</v>
      </c>
      <c r="B91" s="13" t="s">
        <v>265</v>
      </c>
      <c r="C91" s="14" t="s">
        <v>103</v>
      </c>
      <c r="D91" s="14"/>
      <c r="E91" s="15" t="s">
        <v>297</v>
      </c>
      <c r="F91" s="13">
        <v>45</v>
      </c>
      <c r="G91" s="16">
        <v>6993224</v>
      </c>
      <c r="H91" s="13" t="s">
        <v>589</v>
      </c>
      <c r="I91" s="13" t="s">
        <v>298</v>
      </c>
      <c r="J91" s="13"/>
    </row>
    <row r="92" spans="1:10" x14ac:dyDescent="0.15">
      <c r="A92" s="13">
        <v>91</v>
      </c>
      <c r="B92" s="13" t="s">
        <v>265</v>
      </c>
      <c r="C92" s="14" t="s">
        <v>103</v>
      </c>
      <c r="D92" s="14" t="s">
        <v>679</v>
      </c>
      <c r="E92" s="15" t="s">
        <v>687</v>
      </c>
      <c r="F92" s="13">
        <v>100</v>
      </c>
      <c r="G92" s="16">
        <v>6970426</v>
      </c>
      <c r="H92" s="13" t="s">
        <v>590</v>
      </c>
      <c r="I92" s="13" t="s">
        <v>591</v>
      </c>
      <c r="J92" s="15"/>
    </row>
    <row r="93" spans="1:10" x14ac:dyDescent="0.15">
      <c r="A93" s="13">
        <v>92</v>
      </c>
      <c r="B93" s="13" t="s">
        <v>265</v>
      </c>
      <c r="C93" s="14" t="s">
        <v>103</v>
      </c>
      <c r="D93" s="14"/>
      <c r="E93" s="15" t="s">
        <v>592</v>
      </c>
      <c r="F93" s="13">
        <v>120</v>
      </c>
      <c r="G93" s="16">
        <v>6970004</v>
      </c>
      <c r="H93" s="13" t="s">
        <v>593</v>
      </c>
      <c r="I93" s="13" t="s">
        <v>594</v>
      </c>
      <c r="J93" s="15"/>
    </row>
    <row r="94" spans="1:10" ht="17.25" customHeight="1" x14ac:dyDescent="0.15">
      <c r="A94" s="13">
        <v>93</v>
      </c>
      <c r="B94" s="13" t="s">
        <v>265</v>
      </c>
      <c r="C94" s="14" t="s">
        <v>103</v>
      </c>
      <c r="D94" s="14"/>
      <c r="E94" s="15" t="s">
        <v>688</v>
      </c>
      <c r="F94" s="13">
        <v>80</v>
      </c>
      <c r="G94" s="16">
        <v>6970034</v>
      </c>
      <c r="H94" s="13" t="s">
        <v>689</v>
      </c>
      <c r="I94" s="13" t="s">
        <v>690</v>
      </c>
      <c r="J94" s="15"/>
    </row>
    <row r="95" spans="1:10" ht="17.25" customHeight="1" x14ac:dyDescent="0.15">
      <c r="A95" s="13">
        <v>94</v>
      </c>
      <c r="B95" s="13" t="s">
        <v>265</v>
      </c>
      <c r="C95" s="14" t="s">
        <v>103</v>
      </c>
      <c r="D95" s="14"/>
      <c r="E95" s="15" t="s">
        <v>691</v>
      </c>
      <c r="F95" s="13">
        <v>80</v>
      </c>
      <c r="G95" s="16">
        <v>6970005</v>
      </c>
      <c r="H95" s="13" t="s">
        <v>692</v>
      </c>
      <c r="I95" s="13" t="s">
        <v>693</v>
      </c>
      <c r="J95" s="15"/>
    </row>
    <row r="96" spans="1:10" ht="17.25" customHeight="1" x14ac:dyDescent="0.15">
      <c r="A96" s="13">
        <v>95</v>
      </c>
      <c r="B96" s="13" t="s">
        <v>390</v>
      </c>
      <c r="C96" s="14" t="s">
        <v>96</v>
      </c>
      <c r="D96" s="14"/>
      <c r="E96" s="15" t="s">
        <v>391</v>
      </c>
      <c r="F96" s="13">
        <v>30</v>
      </c>
      <c r="G96" s="16">
        <v>6930001</v>
      </c>
      <c r="H96" s="13" t="s">
        <v>392</v>
      </c>
      <c r="I96" s="13" t="s">
        <v>393</v>
      </c>
      <c r="J96" s="13"/>
    </row>
    <row r="97" spans="1:10" ht="17.25" customHeight="1" x14ac:dyDescent="0.15">
      <c r="A97" s="13">
        <v>96</v>
      </c>
      <c r="B97" s="13" t="s">
        <v>390</v>
      </c>
      <c r="C97" s="14" t="s">
        <v>96</v>
      </c>
      <c r="D97" s="14"/>
      <c r="E97" s="15" t="s">
        <v>595</v>
      </c>
      <c r="F97" s="13">
        <v>80</v>
      </c>
      <c r="G97" s="16">
        <v>6930503</v>
      </c>
      <c r="H97" s="13" t="s">
        <v>596</v>
      </c>
      <c r="I97" s="13" t="s">
        <v>597</v>
      </c>
      <c r="J97" s="13"/>
    </row>
    <row r="98" spans="1:10" ht="15" customHeight="1" x14ac:dyDescent="0.15">
      <c r="A98" s="13">
        <v>97</v>
      </c>
      <c r="B98" s="13" t="s">
        <v>390</v>
      </c>
      <c r="C98" s="14" t="s">
        <v>96</v>
      </c>
      <c r="D98" s="14"/>
      <c r="E98" s="15" t="s">
        <v>394</v>
      </c>
      <c r="F98" s="13">
        <v>50</v>
      </c>
      <c r="G98" s="16">
        <v>6930522</v>
      </c>
      <c r="H98" s="13" t="s">
        <v>598</v>
      </c>
      <c r="I98" s="13" t="s">
        <v>395</v>
      </c>
      <c r="J98" s="13"/>
    </row>
    <row r="99" spans="1:10" ht="17.25" customHeight="1" x14ac:dyDescent="0.15">
      <c r="A99" s="13">
        <v>98</v>
      </c>
      <c r="B99" s="13" t="s">
        <v>390</v>
      </c>
      <c r="C99" s="14" t="s">
        <v>103</v>
      </c>
      <c r="D99" s="14"/>
      <c r="E99" s="15" t="s">
        <v>396</v>
      </c>
      <c r="F99" s="13">
        <v>75</v>
      </c>
      <c r="G99" s="16">
        <v>6930041</v>
      </c>
      <c r="H99" s="13" t="s">
        <v>397</v>
      </c>
      <c r="I99" s="13" t="s">
        <v>398</v>
      </c>
      <c r="J99" s="13"/>
    </row>
    <row r="100" spans="1:10" ht="17.25" customHeight="1" x14ac:dyDescent="0.15">
      <c r="A100" s="13">
        <v>99</v>
      </c>
      <c r="B100" s="13" t="s">
        <v>390</v>
      </c>
      <c r="C100" s="14" t="s">
        <v>103</v>
      </c>
      <c r="D100" s="14"/>
      <c r="E100" s="15" t="s">
        <v>399</v>
      </c>
      <c r="F100" s="13">
        <v>110</v>
      </c>
      <c r="G100" s="16">
        <v>6930032</v>
      </c>
      <c r="H100" s="13" t="s">
        <v>694</v>
      </c>
      <c r="I100" s="13" t="s">
        <v>400</v>
      </c>
      <c r="J100" s="13"/>
    </row>
    <row r="101" spans="1:10" ht="17.25" customHeight="1" x14ac:dyDescent="0.15">
      <c r="A101" s="13">
        <v>100</v>
      </c>
      <c r="B101" s="13" t="s">
        <v>390</v>
      </c>
      <c r="C101" s="14" t="s">
        <v>103</v>
      </c>
      <c r="D101" s="14"/>
      <c r="E101" s="15" t="s">
        <v>599</v>
      </c>
      <c r="F101" s="13">
        <v>80</v>
      </c>
      <c r="G101" s="16">
        <v>6930037</v>
      </c>
      <c r="H101" s="13" t="s">
        <v>600</v>
      </c>
      <c r="I101" s="16" t="s">
        <v>601</v>
      </c>
      <c r="J101" s="13"/>
    </row>
    <row r="102" spans="1:10" ht="17.25" customHeight="1" x14ac:dyDescent="0.15">
      <c r="A102" s="13">
        <v>101</v>
      </c>
      <c r="B102" s="13" t="s">
        <v>390</v>
      </c>
      <c r="C102" s="14" t="s">
        <v>103</v>
      </c>
      <c r="D102" s="14"/>
      <c r="E102" s="15" t="s">
        <v>401</v>
      </c>
      <c r="F102" s="13">
        <v>80</v>
      </c>
      <c r="G102" s="16">
        <v>6930044</v>
      </c>
      <c r="H102" s="13" t="s">
        <v>402</v>
      </c>
      <c r="I102" s="13" t="s">
        <v>403</v>
      </c>
      <c r="J102" s="13"/>
    </row>
    <row r="103" spans="1:10" ht="17.25" customHeight="1" x14ac:dyDescent="0.15">
      <c r="A103" s="13">
        <v>102</v>
      </c>
      <c r="B103" s="13" t="s">
        <v>390</v>
      </c>
      <c r="C103" s="14" t="s">
        <v>103</v>
      </c>
      <c r="D103" s="14"/>
      <c r="E103" s="15" t="s">
        <v>404</v>
      </c>
      <c r="F103" s="13">
        <v>90</v>
      </c>
      <c r="G103" s="16">
        <v>6930001</v>
      </c>
      <c r="H103" s="13" t="s">
        <v>405</v>
      </c>
      <c r="I103" s="13" t="s">
        <v>406</v>
      </c>
      <c r="J103" s="25"/>
    </row>
    <row r="104" spans="1:10" ht="17.25" customHeight="1" x14ac:dyDescent="0.15">
      <c r="A104" s="13">
        <v>103</v>
      </c>
      <c r="B104" s="13" t="s">
        <v>390</v>
      </c>
      <c r="C104" s="14" t="s">
        <v>103</v>
      </c>
      <c r="D104" s="14"/>
      <c r="E104" s="15" t="s">
        <v>602</v>
      </c>
      <c r="F104" s="13">
        <v>150</v>
      </c>
      <c r="G104" s="16">
        <v>6930001</v>
      </c>
      <c r="H104" s="13" t="s">
        <v>407</v>
      </c>
      <c r="I104" s="13" t="s">
        <v>408</v>
      </c>
      <c r="J104" s="13"/>
    </row>
    <row r="105" spans="1:10" x14ac:dyDescent="0.15">
      <c r="A105" s="13">
        <v>104</v>
      </c>
      <c r="B105" s="13" t="s">
        <v>390</v>
      </c>
      <c r="C105" s="14" t="s">
        <v>103</v>
      </c>
      <c r="D105" s="14"/>
      <c r="E105" s="15" t="s">
        <v>409</v>
      </c>
      <c r="F105" s="13">
        <v>240</v>
      </c>
      <c r="G105" s="16">
        <v>6930006</v>
      </c>
      <c r="H105" s="13" t="s">
        <v>603</v>
      </c>
      <c r="I105" s="13" t="s">
        <v>410</v>
      </c>
      <c r="J105" s="21"/>
    </row>
    <row r="106" spans="1:10" x14ac:dyDescent="0.15">
      <c r="A106" s="13">
        <v>105</v>
      </c>
      <c r="B106" s="13" t="s">
        <v>390</v>
      </c>
      <c r="C106" s="14" t="s">
        <v>103</v>
      </c>
      <c r="D106" s="14"/>
      <c r="E106" s="15" t="s">
        <v>695</v>
      </c>
      <c r="F106" s="13">
        <v>220</v>
      </c>
      <c r="G106" s="16">
        <v>6930006</v>
      </c>
      <c r="H106" s="13" t="s">
        <v>604</v>
      </c>
      <c r="I106" s="13" t="s">
        <v>605</v>
      </c>
      <c r="J106" s="13"/>
    </row>
    <row r="107" spans="1:10" ht="17.25" customHeight="1" x14ac:dyDescent="0.15">
      <c r="A107" s="13">
        <v>106</v>
      </c>
      <c r="B107" s="13" t="s">
        <v>390</v>
      </c>
      <c r="C107" s="14" t="s">
        <v>103</v>
      </c>
      <c r="D107" s="14"/>
      <c r="E107" s="15" t="s">
        <v>411</v>
      </c>
      <c r="F107" s="13">
        <v>100</v>
      </c>
      <c r="G107" s="16">
        <v>6930012</v>
      </c>
      <c r="H107" s="13" t="s">
        <v>412</v>
      </c>
      <c r="I107" s="13" t="s">
        <v>413</v>
      </c>
      <c r="J107" s="13"/>
    </row>
    <row r="108" spans="1:10" ht="17.25" customHeight="1" x14ac:dyDescent="0.15">
      <c r="A108" s="13">
        <v>107</v>
      </c>
      <c r="B108" s="13" t="s">
        <v>390</v>
      </c>
      <c r="C108" s="14" t="s">
        <v>103</v>
      </c>
      <c r="D108" s="14"/>
      <c r="E108" s="15" t="s">
        <v>414</v>
      </c>
      <c r="F108" s="13">
        <v>120</v>
      </c>
      <c r="G108" s="16">
        <v>6930051</v>
      </c>
      <c r="H108" s="13" t="s">
        <v>415</v>
      </c>
      <c r="I108" s="13" t="s">
        <v>416</v>
      </c>
      <c r="J108" s="13"/>
    </row>
    <row r="109" spans="1:10" ht="17.25" customHeight="1" x14ac:dyDescent="0.15">
      <c r="A109" s="13">
        <v>108</v>
      </c>
      <c r="B109" s="13" t="s">
        <v>390</v>
      </c>
      <c r="C109" s="14" t="s">
        <v>103</v>
      </c>
      <c r="D109" s="14"/>
      <c r="E109" s="15" t="s">
        <v>0</v>
      </c>
      <c r="F109" s="13">
        <v>100</v>
      </c>
      <c r="G109" s="16">
        <v>6930005</v>
      </c>
      <c r="H109" s="13" t="s">
        <v>606</v>
      </c>
      <c r="I109" s="13" t="s">
        <v>1</v>
      </c>
      <c r="J109" s="21"/>
    </row>
    <row r="110" spans="1:10" ht="17.25" customHeight="1" x14ac:dyDescent="0.15">
      <c r="A110" s="13">
        <v>109</v>
      </c>
      <c r="B110" s="13" t="s">
        <v>390</v>
      </c>
      <c r="C110" s="14" t="s">
        <v>103</v>
      </c>
      <c r="D110" s="14"/>
      <c r="E110" s="15" t="s">
        <v>2</v>
      </c>
      <c r="F110" s="13">
        <v>110</v>
      </c>
      <c r="G110" s="16">
        <v>6930021</v>
      </c>
      <c r="H110" s="13" t="s">
        <v>696</v>
      </c>
      <c r="I110" s="13" t="s">
        <v>3</v>
      </c>
      <c r="J110" s="13"/>
    </row>
    <row r="111" spans="1:10" ht="17.25" customHeight="1" x14ac:dyDescent="0.15">
      <c r="A111" s="13">
        <v>110</v>
      </c>
      <c r="B111" s="13" t="s">
        <v>390</v>
      </c>
      <c r="C111" s="14" t="s">
        <v>103</v>
      </c>
      <c r="D111" s="14"/>
      <c r="E111" s="15" t="s">
        <v>607</v>
      </c>
      <c r="F111" s="13">
        <v>90</v>
      </c>
      <c r="G111" s="16">
        <v>6930031</v>
      </c>
      <c r="H111" s="13" t="s">
        <v>697</v>
      </c>
      <c r="I111" s="13" t="s">
        <v>608</v>
      </c>
      <c r="J111" s="13"/>
    </row>
    <row r="112" spans="1:10" ht="17.25" customHeight="1" x14ac:dyDescent="0.15">
      <c r="A112" s="13">
        <v>111</v>
      </c>
      <c r="B112" s="13" t="s">
        <v>390</v>
      </c>
      <c r="C112" s="14" t="s">
        <v>103</v>
      </c>
      <c r="D112" s="14"/>
      <c r="E112" s="15" t="s">
        <v>4</v>
      </c>
      <c r="F112" s="13">
        <v>140</v>
      </c>
      <c r="G112" s="16">
        <v>6930082</v>
      </c>
      <c r="H112" s="13" t="s">
        <v>609</v>
      </c>
      <c r="I112" s="13" t="s">
        <v>5</v>
      </c>
      <c r="J112" s="13"/>
    </row>
    <row r="113" spans="1:10" ht="17.25" customHeight="1" x14ac:dyDescent="0.15">
      <c r="A113" s="13">
        <v>112</v>
      </c>
      <c r="B113" s="13" t="s">
        <v>390</v>
      </c>
      <c r="C113" s="14" t="s">
        <v>103</v>
      </c>
      <c r="D113" s="14"/>
      <c r="E113" s="15" t="s">
        <v>6</v>
      </c>
      <c r="F113" s="13">
        <v>50</v>
      </c>
      <c r="G113" s="16">
        <v>6930011</v>
      </c>
      <c r="H113" s="13" t="s">
        <v>698</v>
      </c>
      <c r="I113" s="13" t="s">
        <v>7</v>
      </c>
      <c r="J113" s="13"/>
    </row>
    <row r="114" spans="1:10" ht="17.25" customHeight="1" x14ac:dyDescent="0.15">
      <c r="A114" s="13">
        <v>113</v>
      </c>
      <c r="B114" s="13" t="s">
        <v>390</v>
      </c>
      <c r="C114" s="14" t="s">
        <v>103</v>
      </c>
      <c r="D114" s="14"/>
      <c r="E114" s="15" t="s">
        <v>8</v>
      </c>
      <c r="F114" s="13">
        <v>200</v>
      </c>
      <c r="G114" s="16">
        <v>6930011</v>
      </c>
      <c r="H114" s="13" t="s">
        <v>9</v>
      </c>
      <c r="I114" s="13" t="s">
        <v>610</v>
      </c>
      <c r="J114" s="13"/>
    </row>
    <row r="115" spans="1:10" ht="17.25" customHeight="1" x14ac:dyDescent="0.15">
      <c r="A115" s="13">
        <v>114</v>
      </c>
      <c r="B115" s="13" t="s">
        <v>390</v>
      </c>
      <c r="C115" s="14" t="s">
        <v>103</v>
      </c>
      <c r="D115" s="14"/>
      <c r="E115" s="15" t="s">
        <v>10</v>
      </c>
      <c r="F115" s="13">
        <v>100</v>
      </c>
      <c r="G115" s="16">
        <v>6930022</v>
      </c>
      <c r="H115" s="13" t="s">
        <v>611</v>
      </c>
      <c r="I115" s="13" t="s">
        <v>11</v>
      </c>
      <c r="J115" s="21"/>
    </row>
    <row r="116" spans="1:10" ht="17.25" customHeight="1" x14ac:dyDescent="0.15">
      <c r="A116" s="13">
        <v>115</v>
      </c>
      <c r="B116" s="13" t="s">
        <v>390</v>
      </c>
      <c r="C116" s="14" t="s">
        <v>103</v>
      </c>
      <c r="D116" s="14"/>
      <c r="E116" s="15" t="s">
        <v>12</v>
      </c>
      <c r="F116" s="13">
        <v>190</v>
      </c>
      <c r="G116" s="16">
        <v>6930063</v>
      </c>
      <c r="H116" s="13" t="s">
        <v>13</v>
      </c>
      <c r="I116" s="13" t="s">
        <v>14</v>
      </c>
      <c r="J116" s="13"/>
    </row>
    <row r="117" spans="1:10" ht="17.25" customHeight="1" x14ac:dyDescent="0.15">
      <c r="A117" s="13">
        <v>116</v>
      </c>
      <c r="B117" s="13" t="s">
        <v>390</v>
      </c>
      <c r="C117" s="14" t="s">
        <v>103</v>
      </c>
      <c r="D117" s="14"/>
      <c r="E117" s="15" t="s">
        <v>612</v>
      </c>
      <c r="F117" s="13">
        <v>50</v>
      </c>
      <c r="G117" s="16">
        <v>6930008</v>
      </c>
      <c r="H117" s="13" t="s">
        <v>613</v>
      </c>
      <c r="I117" s="20" t="s">
        <v>614</v>
      </c>
      <c r="J117" s="13"/>
    </row>
    <row r="118" spans="1:10" ht="17.25" customHeight="1" x14ac:dyDescent="0.15">
      <c r="A118" s="13">
        <v>117</v>
      </c>
      <c r="B118" s="13" t="s">
        <v>390</v>
      </c>
      <c r="C118" s="14" t="s">
        <v>103</v>
      </c>
      <c r="D118" s="14"/>
      <c r="E118" s="15" t="s">
        <v>615</v>
      </c>
      <c r="F118" s="13">
        <v>20</v>
      </c>
      <c r="G118" s="16">
        <v>6930008</v>
      </c>
      <c r="H118" s="13" t="s">
        <v>613</v>
      </c>
      <c r="I118" s="20" t="s">
        <v>614</v>
      </c>
      <c r="J118" s="13"/>
    </row>
    <row r="119" spans="1:10" ht="17.25" customHeight="1" x14ac:dyDescent="0.15">
      <c r="A119" s="13">
        <v>118</v>
      </c>
      <c r="B119" s="13" t="s">
        <v>390</v>
      </c>
      <c r="C119" s="14" t="s">
        <v>103</v>
      </c>
      <c r="D119" s="14"/>
      <c r="E119" s="15" t="s">
        <v>616</v>
      </c>
      <c r="F119" s="13">
        <v>70</v>
      </c>
      <c r="G119" s="16">
        <v>6910011</v>
      </c>
      <c r="H119" s="13" t="s">
        <v>617</v>
      </c>
      <c r="I119" s="16" t="s">
        <v>618</v>
      </c>
      <c r="J119" s="13"/>
    </row>
    <row r="120" spans="1:10" ht="17.25" customHeight="1" x14ac:dyDescent="0.15">
      <c r="A120" s="13">
        <v>119</v>
      </c>
      <c r="B120" s="13" t="s">
        <v>390</v>
      </c>
      <c r="C120" s="14" t="s">
        <v>103</v>
      </c>
      <c r="D120" s="14"/>
      <c r="E120" s="15" t="s">
        <v>40</v>
      </c>
      <c r="F120" s="13">
        <v>50</v>
      </c>
      <c r="G120" s="16">
        <v>6930042</v>
      </c>
      <c r="H120" s="13" t="s">
        <v>41</v>
      </c>
      <c r="I120" s="13" t="s">
        <v>42</v>
      </c>
      <c r="J120" s="13"/>
    </row>
    <row r="121" spans="1:10" ht="17.25" customHeight="1" x14ac:dyDescent="0.15">
      <c r="A121" s="13">
        <v>120</v>
      </c>
      <c r="B121" s="13" t="s">
        <v>390</v>
      </c>
      <c r="C121" s="14" t="s">
        <v>103</v>
      </c>
      <c r="D121" s="14"/>
      <c r="E121" s="15" t="s">
        <v>43</v>
      </c>
      <c r="F121" s="13">
        <v>140</v>
      </c>
      <c r="G121" s="16">
        <v>6930064</v>
      </c>
      <c r="H121" s="13" t="s">
        <v>44</v>
      </c>
      <c r="I121" s="13" t="s">
        <v>45</v>
      </c>
      <c r="J121" s="13"/>
    </row>
    <row r="122" spans="1:10" ht="17.25" customHeight="1" x14ac:dyDescent="0.15">
      <c r="A122" s="13">
        <v>121</v>
      </c>
      <c r="B122" s="13" t="s">
        <v>390</v>
      </c>
      <c r="C122" s="14" t="s">
        <v>103</v>
      </c>
      <c r="D122" s="14"/>
      <c r="E122" s="15" t="s">
        <v>46</v>
      </c>
      <c r="F122" s="13">
        <v>120</v>
      </c>
      <c r="G122" s="16">
        <v>6930054</v>
      </c>
      <c r="H122" s="13" t="s">
        <v>699</v>
      </c>
      <c r="I122" s="13" t="s">
        <v>47</v>
      </c>
      <c r="J122" s="13"/>
    </row>
    <row r="123" spans="1:10" ht="17.25" customHeight="1" x14ac:dyDescent="0.15">
      <c r="A123" s="13">
        <v>122</v>
      </c>
      <c r="B123" s="13" t="s">
        <v>390</v>
      </c>
      <c r="C123" s="14" t="s">
        <v>103</v>
      </c>
      <c r="D123" s="14"/>
      <c r="E123" s="15" t="s">
        <v>619</v>
      </c>
      <c r="F123" s="13">
        <v>170</v>
      </c>
      <c r="G123" s="16">
        <v>6930005</v>
      </c>
      <c r="H123" s="13" t="s">
        <v>620</v>
      </c>
      <c r="I123" s="13" t="s">
        <v>621</v>
      </c>
      <c r="J123" s="13"/>
    </row>
    <row r="124" spans="1:10" ht="17.25" customHeight="1" x14ac:dyDescent="0.15">
      <c r="A124" s="13">
        <v>123</v>
      </c>
      <c r="B124" s="13" t="s">
        <v>390</v>
      </c>
      <c r="C124" s="14" t="s">
        <v>103</v>
      </c>
      <c r="D124" s="14"/>
      <c r="E124" s="15" t="s">
        <v>48</v>
      </c>
      <c r="F124" s="13">
        <v>120</v>
      </c>
      <c r="G124" s="16">
        <v>6930004</v>
      </c>
      <c r="H124" s="13" t="s">
        <v>700</v>
      </c>
      <c r="I124" s="16" t="s">
        <v>49</v>
      </c>
      <c r="J124" s="25"/>
    </row>
    <row r="125" spans="1:10" ht="17.25" customHeight="1" x14ac:dyDescent="0.15">
      <c r="A125" s="13">
        <v>124</v>
      </c>
      <c r="B125" s="13" t="s">
        <v>390</v>
      </c>
      <c r="C125" s="14" t="s">
        <v>103</v>
      </c>
      <c r="D125" s="14"/>
      <c r="E125" s="15" t="s">
        <v>50</v>
      </c>
      <c r="F125" s="13">
        <v>100</v>
      </c>
      <c r="G125" s="16">
        <v>6930011</v>
      </c>
      <c r="H125" s="13" t="s">
        <v>701</v>
      </c>
      <c r="I125" s="16" t="s">
        <v>51</v>
      </c>
      <c r="J125" s="13"/>
    </row>
    <row r="126" spans="1:10" x14ac:dyDescent="0.15">
      <c r="A126" s="13">
        <v>125</v>
      </c>
      <c r="B126" s="13" t="s">
        <v>390</v>
      </c>
      <c r="C126" s="14" t="s">
        <v>103</v>
      </c>
      <c r="D126" s="14"/>
      <c r="E126" s="15" t="s">
        <v>622</v>
      </c>
      <c r="F126" s="13">
        <v>30</v>
      </c>
      <c r="G126" s="16">
        <v>6930021</v>
      </c>
      <c r="H126" s="13" t="s">
        <v>623</v>
      </c>
      <c r="I126" s="16" t="s">
        <v>624</v>
      </c>
      <c r="J126" s="13"/>
    </row>
    <row r="127" spans="1:10" ht="17.25" customHeight="1" x14ac:dyDescent="0.15">
      <c r="A127" s="13">
        <v>126</v>
      </c>
      <c r="B127" s="13" t="s">
        <v>390</v>
      </c>
      <c r="C127" s="14" t="s">
        <v>103</v>
      </c>
      <c r="D127" s="14"/>
      <c r="E127" s="15" t="s">
        <v>625</v>
      </c>
      <c r="F127" s="13">
        <v>60</v>
      </c>
      <c r="G127" s="16">
        <v>6990822</v>
      </c>
      <c r="H127" s="13" t="s">
        <v>626</v>
      </c>
      <c r="I127" s="16" t="s">
        <v>627</v>
      </c>
      <c r="J127" s="13"/>
    </row>
    <row r="128" spans="1:10" ht="17.25" customHeight="1" x14ac:dyDescent="0.15">
      <c r="A128" s="13">
        <v>127</v>
      </c>
      <c r="B128" s="13" t="s">
        <v>390</v>
      </c>
      <c r="C128" s="14" t="s">
        <v>103</v>
      </c>
      <c r="D128" s="14"/>
      <c r="E128" s="15" t="s">
        <v>628</v>
      </c>
      <c r="F128" s="13">
        <v>60</v>
      </c>
      <c r="G128" s="16">
        <v>6930021</v>
      </c>
      <c r="H128" s="13" t="s">
        <v>670</v>
      </c>
      <c r="I128" s="16" t="s">
        <v>629</v>
      </c>
      <c r="J128" s="13"/>
    </row>
    <row r="129" spans="1:10" ht="17.25" customHeight="1" x14ac:dyDescent="0.15">
      <c r="A129" s="13">
        <v>128</v>
      </c>
      <c r="B129" s="13" t="s">
        <v>390</v>
      </c>
      <c r="C129" s="14" t="s">
        <v>103</v>
      </c>
      <c r="D129" s="14"/>
      <c r="E129" s="15" t="s">
        <v>630</v>
      </c>
      <c r="F129" s="13">
        <v>150</v>
      </c>
      <c r="G129" s="16">
        <v>6910001</v>
      </c>
      <c r="H129" s="13" t="s">
        <v>702</v>
      </c>
      <c r="I129" s="13" t="s">
        <v>52</v>
      </c>
      <c r="J129" s="13"/>
    </row>
    <row r="130" spans="1:10" ht="17.25" customHeight="1" x14ac:dyDescent="0.15">
      <c r="A130" s="13">
        <v>129</v>
      </c>
      <c r="B130" s="13" t="s">
        <v>390</v>
      </c>
      <c r="C130" s="14" t="s">
        <v>103</v>
      </c>
      <c r="D130" s="14"/>
      <c r="E130" s="15" t="s">
        <v>53</v>
      </c>
      <c r="F130" s="13">
        <v>60</v>
      </c>
      <c r="G130" s="16">
        <v>6910033</v>
      </c>
      <c r="H130" s="13" t="s">
        <v>804</v>
      </c>
      <c r="I130" s="13" t="s">
        <v>703</v>
      </c>
      <c r="J130" s="13"/>
    </row>
    <row r="131" spans="1:10" ht="17.25" customHeight="1" x14ac:dyDescent="0.15">
      <c r="A131" s="13">
        <v>130</v>
      </c>
      <c r="B131" s="13" t="s">
        <v>390</v>
      </c>
      <c r="C131" s="14" t="s">
        <v>103</v>
      </c>
      <c r="D131" s="14"/>
      <c r="E131" s="15" t="s">
        <v>54</v>
      </c>
      <c r="F131" s="13">
        <v>120</v>
      </c>
      <c r="G131" s="16">
        <v>6910031</v>
      </c>
      <c r="H131" s="13" t="s">
        <v>631</v>
      </c>
      <c r="I131" s="13" t="s">
        <v>55</v>
      </c>
      <c r="J131" s="13"/>
    </row>
    <row r="132" spans="1:10" ht="17.25" customHeight="1" x14ac:dyDescent="0.15">
      <c r="A132" s="13">
        <v>131</v>
      </c>
      <c r="B132" s="13" t="s">
        <v>390</v>
      </c>
      <c r="C132" s="14" t="s">
        <v>103</v>
      </c>
      <c r="D132" s="14"/>
      <c r="E132" s="15" t="s">
        <v>56</v>
      </c>
      <c r="F132" s="13">
        <v>20</v>
      </c>
      <c r="G132" s="16">
        <v>6910051</v>
      </c>
      <c r="H132" s="13" t="s">
        <v>632</v>
      </c>
      <c r="I132" s="13" t="s">
        <v>57</v>
      </c>
      <c r="J132" s="13"/>
    </row>
    <row r="133" spans="1:10" ht="17.25" customHeight="1" x14ac:dyDescent="0.15">
      <c r="A133" s="13">
        <v>132</v>
      </c>
      <c r="B133" s="13" t="s">
        <v>390</v>
      </c>
      <c r="C133" s="14" t="s">
        <v>103</v>
      </c>
      <c r="D133" s="14"/>
      <c r="E133" s="15" t="s">
        <v>58</v>
      </c>
      <c r="F133" s="13">
        <v>120</v>
      </c>
      <c r="G133" s="16">
        <v>6990812</v>
      </c>
      <c r="H133" s="13" t="s">
        <v>658</v>
      </c>
      <c r="I133" s="13" t="s">
        <v>59</v>
      </c>
      <c r="J133" s="25"/>
    </row>
    <row r="134" spans="1:10" ht="17.25" customHeight="1" x14ac:dyDescent="0.15">
      <c r="A134" s="13">
        <v>133</v>
      </c>
      <c r="B134" s="13" t="s">
        <v>390</v>
      </c>
      <c r="C134" s="14" t="s">
        <v>103</v>
      </c>
      <c r="D134" s="14"/>
      <c r="E134" s="15" t="s">
        <v>60</v>
      </c>
      <c r="F134" s="13">
        <v>160</v>
      </c>
      <c r="G134" s="16">
        <v>6990732</v>
      </c>
      <c r="H134" s="13" t="s">
        <v>633</v>
      </c>
      <c r="I134" s="13" t="s">
        <v>61</v>
      </c>
      <c r="J134" s="21"/>
    </row>
    <row r="135" spans="1:10" x14ac:dyDescent="0.15">
      <c r="A135" s="13">
        <v>134</v>
      </c>
      <c r="B135" s="13" t="s">
        <v>390</v>
      </c>
      <c r="C135" s="14" t="s">
        <v>103</v>
      </c>
      <c r="D135" s="14"/>
      <c r="E135" s="15" t="s">
        <v>634</v>
      </c>
      <c r="F135" s="13">
        <v>100</v>
      </c>
      <c r="G135" s="16">
        <v>6930011</v>
      </c>
      <c r="H135" s="13" t="s">
        <v>635</v>
      </c>
      <c r="I135" s="13" t="s">
        <v>636</v>
      </c>
      <c r="J135" s="21"/>
    </row>
    <row r="136" spans="1:10" ht="17.25" customHeight="1" x14ac:dyDescent="0.15">
      <c r="A136" s="13">
        <v>135</v>
      </c>
      <c r="B136" s="13" t="s">
        <v>390</v>
      </c>
      <c r="C136" s="14" t="s">
        <v>103</v>
      </c>
      <c r="D136" s="14"/>
      <c r="E136" s="15" t="s">
        <v>637</v>
      </c>
      <c r="F136" s="13">
        <v>120</v>
      </c>
      <c r="G136" s="16">
        <v>6930071</v>
      </c>
      <c r="H136" s="13" t="s">
        <v>638</v>
      </c>
      <c r="I136" s="13" t="s">
        <v>639</v>
      </c>
      <c r="J136" s="21"/>
    </row>
    <row r="137" spans="1:10" x14ac:dyDescent="0.15">
      <c r="A137" s="13">
        <v>136</v>
      </c>
      <c r="B137" s="13" t="s">
        <v>390</v>
      </c>
      <c r="C137" s="14" t="s">
        <v>103</v>
      </c>
      <c r="D137" s="14"/>
      <c r="E137" s="15" t="s">
        <v>640</v>
      </c>
      <c r="F137" s="13">
        <v>220</v>
      </c>
      <c r="G137" s="16">
        <v>6910001</v>
      </c>
      <c r="H137" s="13" t="s">
        <v>641</v>
      </c>
      <c r="I137" s="13" t="s">
        <v>642</v>
      </c>
      <c r="J137" s="21"/>
    </row>
    <row r="138" spans="1:10" x14ac:dyDescent="0.15">
      <c r="A138" s="13">
        <v>137</v>
      </c>
      <c r="B138" s="13" t="s">
        <v>390</v>
      </c>
      <c r="C138" s="14" t="s">
        <v>103</v>
      </c>
      <c r="D138" s="14"/>
      <c r="E138" s="15" t="s">
        <v>643</v>
      </c>
      <c r="F138" s="13">
        <v>110</v>
      </c>
      <c r="G138" s="16">
        <v>6990711</v>
      </c>
      <c r="H138" s="13" t="s">
        <v>644</v>
      </c>
      <c r="I138" s="13" t="s">
        <v>62</v>
      </c>
      <c r="J138" s="21"/>
    </row>
    <row r="139" spans="1:10" x14ac:dyDescent="0.15">
      <c r="A139" s="13">
        <v>138</v>
      </c>
      <c r="B139" s="13" t="s">
        <v>390</v>
      </c>
      <c r="C139" s="14" t="s">
        <v>96</v>
      </c>
      <c r="D139" s="14"/>
      <c r="E139" s="15" t="s">
        <v>161</v>
      </c>
      <c r="F139" s="13">
        <v>140</v>
      </c>
      <c r="G139" s="16">
        <v>6990641</v>
      </c>
      <c r="H139" s="13" t="s">
        <v>645</v>
      </c>
      <c r="I139" s="13" t="s">
        <v>162</v>
      </c>
      <c r="J139" s="25"/>
    </row>
    <row r="140" spans="1:10" x14ac:dyDescent="0.15">
      <c r="A140" s="13">
        <v>139</v>
      </c>
      <c r="B140" s="13" t="s">
        <v>390</v>
      </c>
      <c r="C140" s="14" t="s">
        <v>103</v>
      </c>
      <c r="D140" s="14"/>
      <c r="E140" s="15" t="s">
        <v>163</v>
      </c>
      <c r="F140" s="13">
        <v>100</v>
      </c>
      <c r="G140" s="16">
        <v>6990554</v>
      </c>
      <c r="H140" s="13" t="s">
        <v>646</v>
      </c>
      <c r="I140" s="13" t="s">
        <v>164</v>
      </c>
      <c r="J140" s="13"/>
    </row>
    <row r="141" spans="1:10" ht="17.25" customHeight="1" x14ac:dyDescent="0.15">
      <c r="A141" s="13">
        <v>140</v>
      </c>
      <c r="B141" s="13" t="s">
        <v>390</v>
      </c>
      <c r="C141" s="14" t="s">
        <v>103</v>
      </c>
      <c r="D141" s="14"/>
      <c r="E141" s="15" t="s">
        <v>165</v>
      </c>
      <c r="F141" s="13">
        <v>110</v>
      </c>
      <c r="G141" s="16">
        <v>6990612</v>
      </c>
      <c r="H141" s="13" t="s">
        <v>647</v>
      </c>
      <c r="I141" s="13" t="s">
        <v>166</v>
      </c>
      <c r="J141" s="13"/>
    </row>
    <row r="142" spans="1:10" ht="17.25" customHeight="1" x14ac:dyDescent="0.15">
      <c r="A142" s="13">
        <v>141</v>
      </c>
      <c r="B142" s="13" t="s">
        <v>390</v>
      </c>
      <c r="C142" s="14" t="s">
        <v>103</v>
      </c>
      <c r="D142" s="14"/>
      <c r="E142" s="15" t="s">
        <v>167</v>
      </c>
      <c r="F142" s="13">
        <v>110</v>
      </c>
      <c r="G142" s="16">
        <v>6990505</v>
      </c>
      <c r="H142" s="13" t="s">
        <v>648</v>
      </c>
      <c r="I142" s="13" t="s">
        <v>168</v>
      </c>
      <c r="J142" s="13"/>
    </row>
    <row r="143" spans="1:10" ht="17.25" customHeight="1" x14ac:dyDescent="0.15">
      <c r="A143" s="13">
        <v>142</v>
      </c>
      <c r="B143" s="13" t="s">
        <v>390</v>
      </c>
      <c r="C143" s="14" t="s">
        <v>103</v>
      </c>
      <c r="D143" s="14"/>
      <c r="E143" s="15" t="s">
        <v>649</v>
      </c>
      <c r="F143" s="13">
        <v>130</v>
      </c>
      <c r="G143" s="16">
        <v>6990502</v>
      </c>
      <c r="H143" s="13" t="s">
        <v>813</v>
      </c>
      <c r="I143" s="13" t="s">
        <v>169</v>
      </c>
      <c r="J143" s="13"/>
    </row>
    <row r="144" spans="1:10" ht="17.25" customHeight="1" x14ac:dyDescent="0.15">
      <c r="A144" s="13">
        <v>143</v>
      </c>
      <c r="B144" s="13" t="s">
        <v>390</v>
      </c>
      <c r="C144" s="14" t="s">
        <v>103</v>
      </c>
      <c r="D144" s="14"/>
      <c r="E144" s="15" t="s">
        <v>650</v>
      </c>
      <c r="F144" s="13">
        <v>70</v>
      </c>
      <c r="G144" s="16">
        <v>6990615</v>
      </c>
      <c r="H144" s="13" t="s">
        <v>651</v>
      </c>
      <c r="I144" s="13" t="s">
        <v>652</v>
      </c>
      <c r="J144" s="13"/>
    </row>
    <row r="145" spans="1:10" ht="17.25" customHeight="1" x14ac:dyDescent="0.15">
      <c r="A145" s="13">
        <v>144</v>
      </c>
      <c r="B145" s="13" t="s">
        <v>390</v>
      </c>
      <c r="C145" s="14" t="s">
        <v>103</v>
      </c>
      <c r="D145" s="14"/>
      <c r="E145" s="15" t="s">
        <v>653</v>
      </c>
      <c r="F145" s="13">
        <v>35</v>
      </c>
      <c r="G145" s="16">
        <v>6990613</v>
      </c>
      <c r="H145" s="13" t="s">
        <v>654</v>
      </c>
      <c r="I145" s="13" t="s">
        <v>655</v>
      </c>
      <c r="J145" s="13"/>
    </row>
    <row r="146" spans="1:10" ht="17.25" customHeight="1" x14ac:dyDescent="0.15">
      <c r="A146" s="13">
        <v>145</v>
      </c>
      <c r="B146" s="13" t="s">
        <v>390</v>
      </c>
      <c r="C146" s="14" t="s">
        <v>103</v>
      </c>
      <c r="D146" s="14"/>
      <c r="E146" s="15" t="s">
        <v>656</v>
      </c>
      <c r="F146" s="13">
        <v>140</v>
      </c>
      <c r="G146" s="16">
        <v>6990621</v>
      </c>
      <c r="H146" s="13" t="s">
        <v>657</v>
      </c>
      <c r="I146" s="13" t="s">
        <v>170</v>
      </c>
      <c r="J146" s="13"/>
    </row>
    <row r="147" spans="1:10" ht="17.25" customHeight="1" x14ac:dyDescent="0.15">
      <c r="A147" s="13">
        <v>146</v>
      </c>
      <c r="B147" s="13" t="s">
        <v>390</v>
      </c>
      <c r="C147" s="14" t="s">
        <v>103</v>
      </c>
      <c r="D147" s="14"/>
      <c r="E147" s="15" t="s">
        <v>790</v>
      </c>
      <c r="F147" s="13">
        <v>80</v>
      </c>
      <c r="G147" s="16">
        <v>6930062</v>
      </c>
      <c r="H147" s="13" t="s">
        <v>798</v>
      </c>
      <c r="I147" s="15" t="s">
        <v>870</v>
      </c>
      <c r="J147" s="13"/>
    </row>
    <row r="148" spans="1:10" ht="17.25" customHeight="1" x14ac:dyDescent="0.15">
      <c r="A148" s="13">
        <v>147</v>
      </c>
      <c r="B148" s="13" t="s">
        <v>390</v>
      </c>
      <c r="C148" s="14" t="s">
        <v>103</v>
      </c>
      <c r="D148" s="14"/>
      <c r="E148" s="15" t="s">
        <v>816</v>
      </c>
      <c r="F148" s="13">
        <v>60</v>
      </c>
      <c r="G148" s="16">
        <v>6930021</v>
      </c>
      <c r="H148" s="13" t="s">
        <v>855</v>
      </c>
      <c r="I148" s="15" t="s">
        <v>871</v>
      </c>
      <c r="J148" s="13"/>
    </row>
    <row r="149" spans="1:10" ht="17.25" customHeight="1" x14ac:dyDescent="0.15">
      <c r="A149" s="13">
        <v>148</v>
      </c>
      <c r="B149" s="13" t="s">
        <v>303</v>
      </c>
      <c r="C149" s="14" t="s">
        <v>96</v>
      </c>
      <c r="D149" s="14"/>
      <c r="E149" s="15" t="s">
        <v>304</v>
      </c>
      <c r="F149" s="13">
        <v>20</v>
      </c>
      <c r="G149" s="16">
        <v>6981211</v>
      </c>
      <c r="H149" s="13" t="s">
        <v>506</v>
      </c>
      <c r="I149" s="13" t="s">
        <v>704</v>
      </c>
      <c r="J149" s="13"/>
    </row>
    <row r="150" spans="1:10" ht="17.25" customHeight="1" x14ac:dyDescent="0.15">
      <c r="A150" s="13">
        <v>149</v>
      </c>
      <c r="B150" s="13" t="s">
        <v>303</v>
      </c>
      <c r="C150" s="14" t="s">
        <v>103</v>
      </c>
      <c r="D150" s="14" t="s">
        <v>679</v>
      </c>
      <c r="E150" s="15" t="s">
        <v>817</v>
      </c>
      <c r="F150" s="13">
        <v>90</v>
      </c>
      <c r="G150" s="16">
        <v>6980032</v>
      </c>
      <c r="H150" s="13" t="s">
        <v>305</v>
      </c>
      <c r="I150" s="13" t="s">
        <v>306</v>
      </c>
      <c r="J150" s="13"/>
    </row>
    <row r="151" spans="1:10" ht="17.25" customHeight="1" x14ac:dyDescent="0.15">
      <c r="A151" s="13">
        <v>150</v>
      </c>
      <c r="B151" s="13" t="s">
        <v>303</v>
      </c>
      <c r="C151" s="14" t="s">
        <v>103</v>
      </c>
      <c r="D151" s="14"/>
      <c r="E151" s="15" t="s">
        <v>307</v>
      </c>
      <c r="F151" s="13">
        <v>90</v>
      </c>
      <c r="G151" s="16">
        <v>6980041</v>
      </c>
      <c r="H151" s="13" t="s">
        <v>705</v>
      </c>
      <c r="I151" s="13" t="s">
        <v>308</v>
      </c>
      <c r="J151" s="13"/>
    </row>
    <row r="152" spans="1:10" ht="17.25" customHeight="1" x14ac:dyDescent="0.15">
      <c r="A152" s="13">
        <v>151</v>
      </c>
      <c r="B152" s="13" t="s">
        <v>303</v>
      </c>
      <c r="C152" s="14" t="s">
        <v>103</v>
      </c>
      <c r="D152" s="14"/>
      <c r="E152" s="15" t="s">
        <v>309</v>
      </c>
      <c r="F152" s="13">
        <v>30</v>
      </c>
      <c r="G152" s="16">
        <v>6982141</v>
      </c>
      <c r="H152" s="13" t="s">
        <v>310</v>
      </c>
      <c r="I152" s="13" t="s">
        <v>311</v>
      </c>
      <c r="J152" s="13"/>
    </row>
    <row r="153" spans="1:10" ht="17.25" customHeight="1" x14ac:dyDescent="0.15">
      <c r="A153" s="13">
        <v>152</v>
      </c>
      <c r="B153" s="13" t="s">
        <v>303</v>
      </c>
      <c r="C153" s="14" t="s">
        <v>103</v>
      </c>
      <c r="D153" s="14"/>
      <c r="E153" s="15" t="s">
        <v>312</v>
      </c>
      <c r="F153" s="13">
        <v>20</v>
      </c>
      <c r="G153" s="16">
        <v>6995132</v>
      </c>
      <c r="H153" s="13" t="s">
        <v>313</v>
      </c>
      <c r="I153" s="13" t="s">
        <v>314</v>
      </c>
      <c r="J153" s="13"/>
    </row>
    <row r="154" spans="1:10" ht="17.25" customHeight="1" x14ac:dyDescent="0.15">
      <c r="A154" s="13">
        <v>153</v>
      </c>
      <c r="B154" s="13" t="s">
        <v>303</v>
      </c>
      <c r="C154" s="14" t="s">
        <v>103</v>
      </c>
      <c r="D154" s="14"/>
      <c r="E154" s="15" t="s">
        <v>315</v>
      </c>
      <c r="F154" s="13">
        <v>30</v>
      </c>
      <c r="G154" s="16">
        <v>6995132</v>
      </c>
      <c r="H154" s="13" t="s">
        <v>316</v>
      </c>
      <c r="I154" s="13" t="s">
        <v>317</v>
      </c>
      <c r="J154" s="13"/>
    </row>
    <row r="155" spans="1:10" ht="17.25" customHeight="1" x14ac:dyDescent="0.15">
      <c r="A155" s="13">
        <v>154</v>
      </c>
      <c r="B155" s="13" t="s">
        <v>303</v>
      </c>
      <c r="C155" s="14" t="s">
        <v>103</v>
      </c>
      <c r="D155" s="14"/>
      <c r="E155" s="15" t="s">
        <v>318</v>
      </c>
      <c r="F155" s="13">
        <v>20</v>
      </c>
      <c r="G155" s="16">
        <v>6980411</v>
      </c>
      <c r="H155" s="13" t="s">
        <v>319</v>
      </c>
      <c r="I155" s="13" t="s">
        <v>320</v>
      </c>
      <c r="J155" s="13"/>
    </row>
    <row r="156" spans="1:10" ht="17.25" customHeight="1" x14ac:dyDescent="0.15">
      <c r="A156" s="13">
        <v>155</v>
      </c>
      <c r="B156" s="13" t="s">
        <v>303</v>
      </c>
      <c r="C156" s="14" t="s">
        <v>103</v>
      </c>
      <c r="D156" s="14"/>
      <c r="E156" s="15" t="s">
        <v>321</v>
      </c>
      <c r="F156" s="13">
        <v>30</v>
      </c>
      <c r="G156" s="16">
        <v>6993674</v>
      </c>
      <c r="H156" s="13" t="s">
        <v>322</v>
      </c>
      <c r="I156" s="13" t="s">
        <v>323</v>
      </c>
      <c r="J156" s="15"/>
    </row>
    <row r="157" spans="1:10" ht="17.25" customHeight="1" x14ac:dyDescent="0.15">
      <c r="A157" s="13">
        <v>156</v>
      </c>
      <c r="B157" s="13" t="s">
        <v>303</v>
      </c>
      <c r="C157" s="14" t="s">
        <v>103</v>
      </c>
      <c r="D157" s="14"/>
      <c r="E157" s="15" t="s">
        <v>324</v>
      </c>
      <c r="F157" s="13">
        <v>30</v>
      </c>
      <c r="G157" s="16">
        <v>6995122</v>
      </c>
      <c r="H157" s="13" t="s">
        <v>325</v>
      </c>
      <c r="I157" s="13" t="s">
        <v>326</v>
      </c>
      <c r="J157" s="13"/>
    </row>
    <row r="158" spans="1:10" ht="17.25" customHeight="1" x14ac:dyDescent="0.15">
      <c r="A158" s="13">
        <v>157</v>
      </c>
      <c r="B158" s="13" t="s">
        <v>303</v>
      </c>
      <c r="C158" s="14" t="s">
        <v>103</v>
      </c>
      <c r="D158" s="14"/>
      <c r="E158" s="15" t="s">
        <v>327</v>
      </c>
      <c r="F158" s="13">
        <v>40</v>
      </c>
      <c r="G158" s="16">
        <v>6993676</v>
      </c>
      <c r="H158" s="13" t="s">
        <v>328</v>
      </c>
      <c r="I158" s="13" t="s">
        <v>329</v>
      </c>
      <c r="J158" s="13"/>
    </row>
    <row r="159" spans="1:10" ht="17.25" customHeight="1" x14ac:dyDescent="0.15">
      <c r="A159" s="13">
        <v>158</v>
      </c>
      <c r="B159" s="13" t="s">
        <v>303</v>
      </c>
      <c r="C159" s="14" t="s">
        <v>103</v>
      </c>
      <c r="D159" s="14"/>
      <c r="E159" s="15" t="s">
        <v>330</v>
      </c>
      <c r="F159" s="13">
        <v>40</v>
      </c>
      <c r="G159" s="16">
        <v>6993506</v>
      </c>
      <c r="H159" s="13" t="s">
        <v>507</v>
      </c>
      <c r="I159" s="13" t="s">
        <v>706</v>
      </c>
      <c r="J159" s="13"/>
    </row>
    <row r="160" spans="1:10" ht="17.25" customHeight="1" x14ac:dyDescent="0.15">
      <c r="A160" s="13">
        <v>159</v>
      </c>
      <c r="B160" s="13" t="s">
        <v>303</v>
      </c>
      <c r="C160" s="14" t="s">
        <v>103</v>
      </c>
      <c r="D160" s="14"/>
      <c r="E160" s="15" t="s">
        <v>331</v>
      </c>
      <c r="F160" s="13">
        <v>40</v>
      </c>
      <c r="G160" s="16">
        <v>6993762</v>
      </c>
      <c r="H160" s="13" t="s">
        <v>332</v>
      </c>
      <c r="I160" s="13" t="s">
        <v>333</v>
      </c>
      <c r="J160" s="13"/>
    </row>
    <row r="161" spans="1:10" x14ac:dyDescent="0.15">
      <c r="A161" s="13">
        <v>160</v>
      </c>
      <c r="B161" s="13" t="s">
        <v>303</v>
      </c>
      <c r="C161" s="14" t="s">
        <v>103</v>
      </c>
      <c r="D161" s="14"/>
      <c r="E161" s="15" t="s">
        <v>334</v>
      </c>
      <c r="F161" s="13">
        <v>50</v>
      </c>
      <c r="G161" s="16">
        <v>6980044</v>
      </c>
      <c r="H161" s="13" t="s">
        <v>335</v>
      </c>
      <c r="I161" s="13" t="s">
        <v>336</v>
      </c>
      <c r="J161" s="13"/>
    </row>
    <row r="162" spans="1:10" ht="17.25" customHeight="1" x14ac:dyDescent="0.15">
      <c r="A162" s="13">
        <v>161</v>
      </c>
      <c r="B162" s="13" t="s">
        <v>303</v>
      </c>
      <c r="C162" s="14" t="s">
        <v>103</v>
      </c>
      <c r="D162" s="14"/>
      <c r="E162" s="15" t="s">
        <v>337</v>
      </c>
      <c r="F162" s="13">
        <v>90</v>
      </c>
      <c r="G162" s="16">
        <v>6980003</v>
      </c>
      <c r="H162" s="13" t="s">
        <v>338</v>
      </c>
      <c r="I162" s="13" t="s">
        <v>339</v>
      </c>
      <c r="J162" s="13"/>
    </row>
    <row r="163" spans="1:10" ht="17.25" customHeight="1" x14ac:dyDescent="0.15">
      <c r="A163" s="13">
        <v>162</v>
      </c>
      <c r="B163" s="13" t="s">
        <v>303</v>
      </c>
      <c r="C163" s="14" t="s">
        <v>103</v>
      </c>
      <c r="D163" s="14"/>
      <c r="E163" s="15" t="s">
        <v>707</v>
      </c>
      <c r="F163" s="13">
        <v>90</v>
      </c>
      <c r="G163" s="16">
        <v>6980034</v>
      </c>
      <c r="H163" s="13" t="s">
        <v>708</v>
      </c>
      <c r="I163" s="13" t="s">
        <v>340</v>
      </c>
      <c r="J163" s="13"/>
    </row>
    <row r="164" spans="1:10" ht="17.25" customHeight="1" x14ac:dyDescent="0.15">
      <c r="A164" s="13">
        <v>163</v>
      </c>
      <c r="B164" s="13" t="s">
        <v>303</v>
      </c>
      <c r="C164" s="14" t="s">
        <v>103</v>
      </c>
      <c r="D164" s="14" t="s">
        <v>679</v>
      </c>
      <c r="E164" s="15" t="s">
        <v>862</v>
      </c>
      <c r="F164" s="13">
        <v>140</v>
      </c>
      <c r="G164" s="16">
        <v>6980017</v>
      </c>
      <c r="H164" s="13" t="s">
        <v>341</v>
      </c>
      <c r="I164" s="13" t="s">
        <v>342</v>
      </c>
      <c r="J164" s="13"/>
    </row>
    <row r="165" spans="1:10" ht="17.25" customHeight="1" x14ac:dyDescent="0.15">
      <c r="A165" s="13">
        <v>164</v>
      </c>
      <c r="B165" s="13" t="s">
        <v>303</v>
      </c>
      <c r="C165" s="14" t="s">
        <v>103</v>
      </c>
      <c r="D165" s="14"/>
      <c r="E165" s="15" t="s">
        <v>508</v>
      </c>
      <c r="F165" s="13">
        <v>60</v>
      </c>
      <c r="G165" s="16">
        <v>6980036</v>
      </c>
      <c r="H165" s="13" t="s">
        <v>343</v>
      </c>
      <c r="I165" s="13" t="s">
        <v>344</v>
      </c>
      <c r="J165" s="13"/>
    </row>
    <row r="166" spans="1:10" ht="17.25" customHeight="1" x14ac:dyDescent="0.15">
      <c r="A166" s="13">
        <v>165</v>
      </c>
      <c r="B166" s="13" t="s">
        <v>303</v>
      </c>
      <c r="C166" s="14" t="s">
        <v>103</v>
      </c>
      <c r="D166" s="14"/>
      <c r="E166" s="15" t="s">
        <v>345</v>
      </c>
      <c r="F166" s="13">
        <v>50</v>
      </c>
      <c r="G166" s="16">
        <v>6980023</v>
      </c>
      <c r="H166" s="13" t="s">
        <v>346</v>
      </c>
      <c r="I166" s="13" t="s">
        <v>347</v>
      </c>
      <c r="J166" s="13"/>
    </row>
    <row r="167" spans="1:10" ht="17.25" customHeight="1" x14ac:dyDescent="0.15">
      <c r="A167" s="13">
        <v>166</v>
      </c>
      <c r="B167" s="13" t="s">
        <v>303</v>
      </c>
      <c r="C167" s="14" t="s">
        <v>103</v>
      </c>
      <c r="D167" s="14" t="s">
        <v>679</v>
      </c>
      <c r="E167" s="15" t="s">
        <v>863</v>
      </c>
      <c r="F167" s="13">
        <v>48</v>
      </c>
      <c r="G167" s="16">
        <v>6995133</v>
      </c>
      <c r="H167" s="13" t="s">
        <v>854</v>
      </c>
      <c r="I167" s="13" t="s">
        <v>348</v>
      </c>
      <c r="J167" s="13"/>
    </row>
    <row r="168" spans="1:10" ht="17.25" customHeight="1" x14ac:dyDescent="0.15">
      <c r="A168" s="13">
        <v>167</v>
      </c>
      <c r="B168" s="13" t="s">
        <v>303</v>
      </c>
      <c r="C168" s="14" t="s">
        <v>103</v>
      </c>
      <c r="D168" s="14"/>
      <c r="E168" s="15" t="s">
        <v>349</v>
      </c>
      <c r="F168" s="13">
        <v>80</v>
      </c>
      <c r="G168" s="16">
        <v>6980041</v>
      </c>
      <c r="H168" s="13" t="s">
        <v>509</v>
      </c>
      <c r="I168" s="13" t="s">
        <v>350</v>
      </c>
      <c r="J168" s="13"/>
    </row>
    <row r="169" spans="1:10" ht="17.25" customHeight="1" x14ac:dyDescent="0.15">
      <c r="A169" s="13">
        <v>168</v>
      </c>
      <c r="B169" s="13" t="s">
        <v>303</v>
      </c>
      <c r="C169" s="14" t="s">
        <v>103</v>
      </c>
      <c r="D169" s="14" t="s">
        <v>679</v>
      </c>
      <c r="E169" s="15" t="s">
        <v>808</v>
      </c>
      <c r="F169" s="13">
        <v>140</v>
      </c>
      <c r="G169" s="16">
        <v>6980001</v>
      </c>
      <c r="H169" s="13" t="s">
        <v>510</v>
      </c>
      <c r="I169" s="13" t="s">
        <v>351</v>
      </c>
      <c r="J169" s="13"/>
    </row>
    <row r="170" spans="1:10" ht="17.25" customHeight="1" x14ac:dyDescent="0.15">
      <c r="A170" s="13">
        <v>169</v>
      </c>
      <c r="B170" s="13" t="s">
        <v>303</v>
      </c>
      <c r="C170" s="14" t="s">
        <v>103</v>
      </c>
      <c r="D170" s="14" t="s">
        <v>679</v>
      </c>
      <c r="E170" s="15" t="s">
        <v>861</v>
      </c>
      <c r="F170" s="13">
        <v>60</v>
      </c>
      <c r="G170" s="16">
        <v>6980036</v>
      </c>
      <c r="H170" s="13" t="s">
        <v>363</v>
      </c>
      <c r="I170" s="13" t="s">
        <v>364</v>
      </c>
      <c r="J170" s="13"/>
    </row>
    <row r="171" spans="1:10" ht="17.25" customHeight="1" x14ac:dyDescent="0.15">
      <c r="A171" s="13">
        <v>170</v>
      </c>
      <c r="B171" s="13" t="s">
        <v>303</v>
      </c>
      <c r="C171" s="14" t="s">
        <v>103</v>
      </c>
      <c r="D171" s="14"/>
      <c r="E171" s="15" t="s">
        <v>365</v>
      </c>
      <c r="F171" s="13">
        <v>20</v>
      </c>
      <c r="G171" s="16">
        <v>6982255</v>
      </c>
      <c r="H171" s="13" t="s">
        <v>366</v>
      </c>
      <c r="I171" s="13" t="s">
        <v>367</v>
      </c>
      <c r="J171" s="13"/>
    </row>
    <row r="172" spans="1:10" ht="17.25" customHeight="1" x14ac:dyDescent="0.15">
      <c r="A172" s="13">
        <v>171</v>
      </c>
      <c r="B172" s="13" t="s">
        <v>303</v>
      </c>
      <c r="C172" s="14" t="s">
        <v>103</v>
      </c>
      <c r="D172" s="14"/>
      <c r="E172" s="15" t="s">
        <v>368</v>
      </c>
      <c r="F172" s="13">
        <v>40</v>
      </c>
      <c r="G172" s="16">
        <v>6982145</v>
      </c>
      <c r="H172" s="13" t="s">
        <v>805</v>
      </c>
      <c r="I172" s="13" t="s">
        <v>369</v>
      </c>
      <c r="J172" s="13"/>
    </row>
    <row r="173" spans="1:10" ht="17.25" customHeight="1" x14ac:dyDescent="0.15">
      <c r="A173" s="13">
        <v>172</v>
      </c>
      <c r="B173" s="13" t="s">
        <v>303</v>
      </c>
      <c r="C173" s="14" t="s">
        <v>103</v>
      </c>
      <c r="D173" s="14"/>
      <c r="E173" s="15" t="s">
        <v>370</v>
      </c>
      <c r="F173" s="13">
        <v>110</v>
      </c>
      <c r="G173" s="16">
        <v>6980004</v>
      </c>
      <c r="H173" s="13" t="s">
        <v>371</v>
      </c>
      <c r="I173" s="13" t="s">
        <v>372</v>
      </c>
      <c r="J173" s="13"/>
    </row>
    <row r="174" spans="1:10" ht="17.25" customHeight="1" x14ac:dyDescent="0.15">
      <c r="A174" s="13">
        <v>173</v>
      </c>
      <c r="B174" s="13" t="s">
        <v>303</v>
      </c>
      <c r="C174" s="14" t="s">
        <v>103</v>
      </c>
      <c r="D174" s="14"/>
      <c r="E174" s="15" t="s">
        <v>373</v>
      </c>
      <c r="F174" s="13">
        <v>100</v>
      </c>
      <c r="G174" s="16">
        <v>6980004</v>
      </c>
      <c r="H174" s="13" t="s">
        <v>374</v>
      </c>
      <c r="I174" s="13" t="s">
        <v>511</v>
      </c>
      <c r="J174" s="13"/>
    </row>
    <row r="175" spans="1:10" ht="17.25" customHeight="1" x14ac:dyDescent="0.15">
      <c r="A175" s="13">
        <v>174</v>
      </c>
      <c r="B175" s="13" t="s">
        <v>303</v>
      </c>
      <c r="C175" s="14" t="s">
        <v>103</v>
      </c>
      <c r="D175" s="14"/>
      <c r="E175" s="15" t="s">
        <v>375</v>
      </c>
      <c r="F175" s="13">
        <v>40</v>
      </c>
      <c r="G175" s="16">
        <v>6980012</v>
      </c>
      <c r="H175" s="13" t="s">
        <v>376</v>
      </c>
      <c r="I175" s="13" t="s">
        <v>377</v>
      </c>
      <c r="J175" s="13"/>
    </row>
    <row r="176" spans="1:10" ht="17.25" customHeight="1" x14ac:dyDescent="0.15">
      <c r="A176" s="13">
        <v>175</v>
      </c>
      <c r="B176" s="13" t="s">
        <v>303</v>
      </c>
      <c r="C176" s="14" t="s">
        <v>103</v>
      </c>
      <c r="D176" s="14"/>
      <c r="E176" s="15" t="s">
        <v>378</v>
      </c>
      <c r="F176" s="13">
        <v>20</v>
      </c>
      <c r="G176" s="16">
        <v>6980204</v>
      </c>
      <c r="H176" s="13" t="s">
        <v>512</v>
      </c>
      <c r="I176" s="13" t="s">
        <v>379</v>
      </c>
      <c r="J176" s="13"/>
    </row>
    <row r="177" spans="1:10" ht="17.25" customHeight="1" x14ac:dyDescent="0.15">
      <c r="A177" s="13">
        <v>176</v>
      </c>
      <c r="B177" s="13" t="s">
        <v>303</v>
      </c>
      <c r="C177" s="14" t="s">
        <v>103</v>
      </c>
      <c r="D177" s="14"/>
      <c r="E177" s="15" t="s">
        <v>380</v>
      </c>
      <c r="F177" s="13">
        <v>20</v>
      </c>
      <c r="G177" s="16">
        <v>6980212</v>
      </c>
      <c r="H177" s="13" t="s">
        <v>513</v>
      </c>
      <c r="I177" s="13" t="s">
        <v>381</v>
      </c>
      <c r="J177" s="13"/>
    </row>
    <row r="178" spans="1:10" ht="17.25" customHeight="1" x14ac:dyDescent="0.15">
      <c r="A178" s="13">
        <v>177</v>
      </c>
      <c r="B178" s="13" t="s">
        <v>303</v>
      </c>
      <c r="C178" s="14" t="s">
        <v>811</v>
      </c>
      <c r="D178" s="14"/>
      <c r="E178" s="15" t="s">
        <v>875</v>
      </c>
      <c r="F178" s="13">
        <v>20</v>
      </c>
      <c r="G178" s="16">
        <v>6980046</v>
      </c>
      <c r="H178" s="13" t="s">
        <v>801</v>
      </c>
      <c r="I178" s="18" t="s">
        <v>812</v>
      </c>
      <c r="J178" s="13"/>
    </row>
    <row r="179" spans="1:10" ht="17.25" customHeight="1" x14ac:dyDescent="0.15">
      <c r="A179" s="13">
        <v>178</v>
      </c>
      <c r="B179" s="13" t="s">
        <v>15</v>
      </c>
      <c r="C179" s="14" t="s">
        <v>96</v>
      </c>
      <c r="D179" s="14"/>
      <c r="E179" s="15" t="s">
        <v>16</v>
      </c>
      <c r="F179" s="13">
        <v>90</v>
      </c>
      <c r="G179" s="16">
        <v>6940064</v>
      </c>
      <c r="H179" s="13" t="s">
        <v>17</v>
      </c>
      <c r="I179" s="13" t="s">
        <v>542</v>
      </c>
      <c r="J179" s="13"/>
    </row>
    <row r="180" spans="1:10" ht="17.25" customHeight="1" x14ac:dyDescent="0.15">
      <c r="A180" s="13">
        <v>179</v>
      </c>
      <c r="B180" s="13" t="s">
        <v>15</v>
      </c>
      <c r="C180" s="14" t="s">
        <v>96</v>
      </c>
      <c r="D180" s="14"/>
      <c r="E180" s="15" t="s">
        <v>18</v>
      </c>
      <c r="F180" s="13">
        <v>60</v>
      </c>
      <c r="G180" s="16">
        <v>6940011</v>
      </c>
      <c r="H180" s="13" t="s">
        <v>19</v>
      </c>
      <c r="I180" s="13" t="s">
        <v>543</v>
      </c>
      <c r="J180" s="13"/>
    </row>
    <row r="181" spans="1:10" ht="17.25" customHeight="1" x14ac:dyDescent="0.15">
      <c r="A181" s="13">
        <v>180</v>
      </c>
      <c r="B181" s="13" t="s">
        <v>15</v>
      </c>
      <c r="C181" s="14" t="s">
        <v>96</v>
      </c>
      <c r="D181" s="14"/>
      <c r="E181" s="15" t="s">
        <v>20</v>
      </c>
      <c r="F181" s="13">
        <v>45</v>
      </c>
      <c r="G181" s="16">
        <v>6940054</v>
      </c>
      <c r="H181" s="13" t="s">
        <v>21</v>
      </c>
      <c r="I181" s="13" t="s">
        <v>544</v>
      </c>
      <c r="J181" s="13"/>
    </row>
    <row r="182" spans="1:10" ht="17.25" customHeight="1" x14ac:dyDescent="0.15">
      <c r="A182" s="13">
        <v>181</v>
      </c>
      <c r="B182" s="13" t="s">
        <v>15</v>
      </c>
      <c r="C182" s="14" t="s">
        <v>96</v>
      </c>
      <c r="D182" s="14"/>
      <c r="E182" s="15" t="s">
        <v>22</v>
      </c>
      <c r="F182" s="13">
        <v>90</v>
      </c>
      <c r="G182" s="16">
        <v>6940052</v>
      </c>
      <c r="H182" s="13" t="s">
        <v>23</v>
      </c>
      <c r="I182" s="13" t="s">
        <v>545</v>
      </c>
      <c r="J182" s="13"/>
    </row>
    <row r="183" spans="1:10" ht="17.25" customHeight="1" x14ac:dyDescent="0.15">
      <c r="A183" s="13">
        <v>182</v>
      </c>
      <c r="B183" s="13" t="s">
        <v>15</v>
      </c>
      <c r="C183" s="14" t="s">
        <v>96</v>
      </c>
      <c r="D183" s="14"/>
      <c r="E183" s="15" t="s">
        <v>24</v>
      </c>
      <c r="F183" s="13">
        <v>60</v>
      </c>
      <c r="G183" s="16">
        <v>6992211</v>
      </c>
      <c r="H183" s="13" t="s">
        <v>25</v>
      </c>
      <c r="I183" s="13" t="s">
        <v>546</v>
      </c>
      <c r="J183" s="13"/>
    </row>
    <row r="184" spans="1:10" ht="17.25" customHeight="1" x14ac:dyDescent="0.15">
      <c r="A184" s="13">
        <v>183</v>
      </c>
      <c r="B184" s="13" t="s">
        <v>15</v>
      </c>
      <c r="C184" s="14" t="s">
        <v>96</v>
      </c>
      <c r="D184" s="14"/>
      <c r="E184" s="15" t="s">
        <v>28</v>
      </c>
      <c r="F184" s="13">
        <v>45</v>
      </c>
      <c r="G184" s="16">
        <v>6940031</v>
      </c>
      <c r="H184" s="13" t="s">
        <v>29</v>
      </c>
      <c r="I184" s="13" t="s">
        <v>547</v>
      </c>
      <c r="J184" s="13"/>
    </row>
    <row r="185" spans="1:10" ht="17.25" customHeight="1" x14ac:dyDescent="0.15">
      <c r="A185" s="13">
        <v>184</v>
      </c>
      <c r="B185" s="13" t="s">
        <v>15</v>
      </c>
      <c r="C185" s="14" t="s">
        <v>96</v>
      </c>
      <c r="D185" s="14"/>
      <c r="E185" s="15" t="s">
        <v>30</v>
      </c>
      <c r="F185" s="13">
        <v>20</v>
      </c>
      <c r="G185" s="16">
        <v>6940223</v>
      </c>
      <c r="H185" s="13" t="s">
        <v>31</v>
      </c>
      <c r="I185" s="13" t="s">
        <v>548</v>
      </c>
      <c r="J185" s="13"/>
    </row>
    <row r="186" spans="1:10" ht="17.25" customHeight="1" x14ac:dyDescent="0.15">
      <c r="A186" s="13">
        <v>185</v>
      </c>
      <c r="B186" s="13" t="s">
        <v>15</v>
      </c>
      <c r="C186" s="14" t="s">
        <v>96</v>
      </c>
      <c r="D186" s="14"/>
      <c r="E186" s="15" t="s">
        <v>32</v>
      </c>
      <c r="F186" s="13">
        <v>20</v>
      </c>
      <c r="G186" s="16">
        <v>6940302</v>
      </c>
      <c r="H186" s="13" t="s">
        <v>549</v>
      </c>
      <c r="I186" s="13" t="s">
        <v>550</v>
      </c>
      <c r="J186" s="13"/>
    </row>
    <row r="187" spans="1:10" ht="17.25" customHeight="1" x14ac:dyDescent="0.15">
      <c r="A187" s="13">
        <v>186</v>
      </c>
      <c r="B187" s="13" t="s">
        <v>15</v>
      </c>
      <c r="C187" s="14" t="s">
        <v>96</v>
      </c>
      <c r="D187" s="14"/>
      <c r="E187" s="15" t="s">
        <v>34</v>
      </c>
      <c r="F187" s="13">
        <v>60</v>
      </c>
      <c r="G187" s="16">
        <v>6992511</v>
      </c>
      <c r="H187" s="13" t="s">
        <v>551</v>
      </c>
      <c r="I187" s="13" t="s">
        <v>35</v>
      </c>
      <c r="J187" s="13"/>
    </row>
    <row r="188" spans="1:10" ht="17.25" customHeight="1" x14ac:dyDescent="0.15">
      <c r="A188" s="38">
        <v>187</v>
      </c>
      <c r="B188" s="38" t="s">
        <v>15</v>
      </c>
      <c r="C188" s="39" t="s">
        <v>96</v>
      </c>
      <c r="D188" s="39"/>
      <c r="E188" s="40" t="s">
        <v>876</v>
      </c>
      <c r="F188" s="41">
        <v>20</v>
      </c>
      <c r="G188" s="42">
        <v>6992502</v>
      </c>
      <c r="H188" s="38" t="s">
        <v>552</v>
      </c>
      <c r="I188" s="38" t="s">
        <v>36</v>
      </c>
      <c r="J188" s="38" t="s">
        <v>803</v>
      </c>
    </row>
    <row r="189" spans="1:10" ht="17.25" customHeight="1" x14ac:dyDescent="0.15">
      <c r="A189" s="13">
        <v>188</v>
      </c>
      <c r="B189" s="13" t="s">
        <v>15</v>
      </c>
      <c r="C189" s="14" t="s">
        <v>103</v>
      </c>
      <c r="D189" s="14"/>
      <c r="E189" s="15" t="s">
        <v>709</v>
      </c>
      <c r="F189" s="13">
        <v>100</v>
      </c>
      <c r="G189" s="16">
        <v>6992301</v>
      </c>
      <c r="H189" s="13" t="s">
        <v>553</v>
      </c>
      <c r="I189" s="13" t="s">
        <v>554</v>
      </c>
      <c r="J189" s="13"/>
    </row>
    <row r="190" spans="1:10" ht="17.25" customHeight="1" x14ac:dyDescent="0.15">
      <c r="A190" s="13">
        <v>189</v>
      </c>
      <c r="B190" s="13" t="s">
        <v>15</v>
      </c>
      <c r="C190" s="14" t="s">
        <v>103</v>
      </c>
      <c r="D190" s="14"/>
      <c r="E190" s="15" t="s">
        <v>37</v>
      </c>
      <c r="F190" s="13">
        <v>20</v>
      </c>
      <c r="G190" s="16">
        <v>6940222</v>
      </c>
      <c r="H190" s="13" t="s">
        <v>555</v>
      </c>
      <c r="I190" s="13" t="s">
        <v>556</v>
      </c>
      <c r="J190" s="13"/>
    </row>
    <row r="191" spans="1:10" ht="17.25" customHeight="1" x14ac:dyDescent="0.15">
      <c r="A191" s="13">
        <v>190</v>
      </c>
      <c r="B191" s="13" t="s">
        <v>15</v>
      </c>
      <c r="C191" s="14" t="s">
        <v>103</v>
      </c>
      <c r="D191" s="14" t="s">
        <v>679</v>
      </c>
      <c r="E191" s="15" t="s">
        <v>38</v>
      </c>
      <c r="F191" s="13">
        <v>130</v>
      </c>
      <c r="G191" s="16">
        <v>6940063</v>
      </c>
      <c r="H191" s="13" t="s">
        <v>557</v>
      </c>
      <c r="I191" s="13" t="s">
        <v>558</v>
      </c>
      <c r="J191" s="13"/>
    </row>
    <row r="192" spans="1:10" ht="17.25" customHeight="1" x14ac:dyDescent="0.15">
      <c r="A192" s="13">
        <v>191</v>
      </c>
      <c r="B192" s="13" t="s">
        <v>15</v>
      </c>
      <c r="C192" s="14" t="s">
        <v>103</v>
      </c>
      <c r="D192" s="14"/>
      <c r="E192" s="15" t="s">
        <v>39</v>
      </c>
      <c r="F192" s="13">
        <v>20</v>
      </c>
      <c r="G192" s="16">
        <v>6992302</v>
      </c>
      <c r="H192" s="13" t="s">
        <v>710</v>
      </c>
      <c r="I192" s="13" t="s">
        <v>559</v>
      </c>
      <c r="J192" s="13"/>
    </row>
    <row r="193" spans="1:10" ht="17.25" customHeight="1" x14ac:dyDescent="0.15">
      <c r="A193" s="13">
        <v>192</v>
      </c>
      <c r="B193" s="13" t="s">
        <v>15</v>
      </c>
      <c r="C193" s="14" t="s">
        <v>103</v>
      </c>
      <c r="D193" s="14"/>
      <c r="E193" s="15" t="s">
        <v>560</v>
      </c>
      <c r="F193" s="13">
        <v>50</v>
      </c>
      <c r="G193" s="16">
        <v>6940035</v>
      </c>
      <c r="H193" s="13" t="s">
        <v>561</v>
      </c>
      <c r="I193" s="13" t="s">
        <v>562</v>
      </c>
      <c r="J193" s="13"/>
    </row>
    <row r="194" spans="1:10" ht="17.25" customHeight="1" x14ac:dyDescent="0.15">
      <c r="A194" s="13">
        <v>193</v>
      </c>
      <c r="B194" s="13" t="s">
        <v>15</v>
      </c>
      <c r="C194" s="14" t="s">
        <v>103</v>
      </c>
      <c r="D194" s="14"/>
      <c r="E194" s="15" t="s">
        <v>33</v>
      </c>
      <c r="F194" s="13">
        <v>120</v>
      </c>
      <c r="G194" s="16">
        <v>6940064</v>
      </c>
      <c r="H194" s="13" t="s">
        <v>563</v>
      </c>
      <c r="I194" s="13" t="s">
        <v>564</v>
      </c>
      <c r="J194" s="13"/>
    </row>
    <row r="195" spans="1:10" ht="17.25" customHeight="1" x14ac:dyDescent="0.15">
      <c r="A195" s="13">
        <v>194</v>
      </c>
      <c r="B195" s="13" t="s">
        <v>15</v>
      </c>
      <c r="C195" s="14" t="s">
        <v>103</v>
      </c>
      <c r="D195" s="14"/>
      <c r="E195" s="15" t="s">
        <v>565</v>
      </c>
      <c r="F195" s="13">
        <v>120</v>
      </c>
      <c r="G195" s="16">
        <v>6940044</v>
      </c>
      <c r="H195" s="13" t="s">
        <v>668</v>
      </c>
      <c r="I195" s="13" t="s">
        <v>711</v>
      </c>
      <c r="J195" s="13"/>
    </row>
    <row r="196" spans="1:10" ht="17.25" customHeight="1" x14ac:dyDescent="0.15">
      <c r="A196" s="13">
        <v>195</v>
      </c>
      <c r="B196" s="13" t="s">
        <v>15</v>
      </c>
      <c r="C196" s="14" t="s">
        <v>103</v>
      </c>
      <c r="D196" s="14"/>
      <c r="E196" s="15" t="s">
        <v>26</v>
      </c>
      <c r="F196" s="13">
        <v>50</v>
      </c>
      <c r="G196" s="16">
        <v>6940024</v>
      </c>
      <c r="H196" s="13" t="s">
        <v>27</v>
      </c>
      <c r="I196" s="13" t="s">
        <v>566</v>
      </c>
      <c r="J196" s="25"/>
    </row>
    <row r="197" spans="1:10" ht="17.25" customHeight="1" x14ac:dyDescent="0.15">
      <c r="A197" s="13">
        <v>196</v>
      </c>
      <c r="B197" s="13" t="s">
        <v>15</v>
      </c>
      <c r="C197" s="14" t="s">
        <v>103</v>
      </c>
      <c r="D197" s="14"/>
      <c r="E197" s="15" t="s">
        <v>567</v>
      </c>
      <c r="F197" s="13">
        <v>50</v>
      </c>
      <c r="G197" s="16">
        <v>6940041</v>
      </c>
      <c r="H197" s="13" t="s">
        <v>568</v>
      </c>
      <c r="I197" s="13" t="s">
        <v>569</v>
      </c>
      <c r="J197" s="25"/>
    </row>
    <row r="198" spans="1:10" ht="17.25" customHeight="1" x14ac:dyDescent="0.15">
      <c r="A198" s="13">
        <v>197</v>
      </c>
      <c r="B198" s="13" t="s">
        <v>15</v>
      </c>
      <c r="C198" s="14" t="s">
        <v>103</v>
      </c>
      <c r="D198" s="14"/>
      <c r="E198" s="15" t="s">
        <v>791</v>
      </c>
      <c r="F198" s="13">
        <v>40</v>
      </c>
      <c r="G198" s="16">
        <v>6940042</v>
      </c>
      <c r="H198" s="13" t="s">
        <v>799</v>
      </c>
      <c r="I198" s="15" t="s">
        <v>872</v>
      </c>
      <c r="J198" s="13"/>
    </row>
    <row r="199" spans="1:10" x14ac:dyDescent="0.15">
      <c r="A199" s="13">
        <v>198</v>
      </c>
      <c r="B199" s="13" t="s">
        <v>786</v>
      </c>
      <c r="C199" s="14" t="s">
        <v>87</v>
      </c>
      <c r="D199" s="15"/>
      <c r="E199" s="15" t="s">
        <v>787</v>
      </c>
      <c r="F199" s="13">
        <v>30</v>
      </c>
      <c r="G199" s="16">
        <v>6940305</v>
      </c>
      <c r="H199" s="13" t="s">
        <v>788</v>
      </c>
      <c r="I199" s="13" t="s">
        <v>789</v>
      </c>
      <c r="J199" s="13"/>
    </row>
    <row r="200" spans="1:10" x14ac:dyDescent="0.15">
      <c r="A200" s="13">
        <v>199</v>
      </c>
      <c r="B200" s="13" t="s">
        <v>235</v>
      </c>
      <c r="C200" s="14" t="s">
        <v>96</v>
      </c>
      <c r="D200" s="14" t="s">
        <v>679</v>
      </c>
      <c r="E200" s="15" t="s">
        <v>712</v>
      </c>
      <c r="F200" s="13">
        <v>60</v>
      </c>
      <c r="G200" s="16">
        <v>6920066</v>
      </c>
      <c r="H200" s="13" t="s">
        <v>236</v>
      </c>
      <c r="I200" s="13" t="s">
        <v>237</v>
      </c>
      <c r="J200" s="13"/>
    </row>
    <row r="201" spans="1:10" ht="17.25" customHeight="1" x14ac:dyDescent="0.15">
      <c r="A201" s="13">
        <v>200</v>
      </c>
      <c r="B201" s="13" t="s">
        <v>235</v>
      </c>
      <c r="C201" s="14" t="s">
        <v>96</v>
      </c>
      <c r="D201" s="14" t="s">
        <v>679</v>
      </c>
      <c r="E201" s="15" t="s">
        <v>713</v>
      </c>
      <c r="F201" s="13">
        <v>60</v>
      </c>
      <c r="G201" s="16">
        <v>6920042</v>
      </c>
      <c r="H201" s="13" t="s">
        <v>238</v>
      </c>
      <c r="I201" s="13" t="s">
        <v>239</v>
      </c>
      <c r="J201" s="13"/>
    </row>
    <row r="202" spans="1:10" ht="17.25" customHeight="1" x14ac:dyDescent="0.15">
      <c r="A202" s="13">
        <v>201</v>
      </c>
      <c r="B202" s="13" t="s">
        <v>235</v>
      </c>
      <c r="C202" s="14" t="s">
        <v>96</v>
      </c>
      <c r="D202" s="14"/>
      <c r="E202" s="15" t="s">
        <v>240</v>
      </c>
      <c r="F202" s="13">
        <v>110</v>
      </c>
      <c r="G202" s="16">
        <v>6920011</v>
      </c>
      <c r="H202" s="13" t="s">
        <v>241</v>
      </c>
      <c r="I202" s="13" t="s">
        <v>242</v>
      </c>
      <c r="J202" s="13"/>
    </row>
    <row r="203" spans="1:10" ht="17.25" customHeight="1" x14ac:dyDescent="0.15">
      <c r="A203" s="13">
        <v>202</v>
      </c>
      <c r="B203" s="13" t="s">
        <v>235</v>
      </c>
      <c r="C203" s="14" t="s">
        <v>96</v>
      </c>
      <c r="D203" s="14"/>
      <c r="E203" s="15" t="s">
        <v>243</v>
      </c>
      <c r="F203" s="13">
        <v>60</v>
      </c>
      <c r="G203" s="16">
        <v>6920051</v>
      </c>
      <c r="H203" s="13" t="s">
        <v>244</v>
      </c>
      <c r="I203" s="13" t="s">
        <v>245</v>
      </c>
      <c r="J203" s="13"/>
    </row>
    <row r="204" spans="1:10" ht="17.25" customHeight="1" x14ac:dyDescent="0.15">
      <c r="A204" s="13">
        <v>203</v>
      </c>
      <c r="B204" s="13" t="s">
        <v>235</v>
      </c>
      <c r="C204" s="14" t="s">
        <v>818</v>
      </c>
      <c r="D204" s="14"/>
      <c r="E204" s="15" t="s">
        <v>246</v>
      </c>
      <c r="F204" s="13">
        <v>120</v>
      </c>
      <c r="G204" s="16">
        <v>6920011</v>
      </c>
      <c r="H204" s="13" t="s">
        <v>819</v>
      </c>
      <c r="I204" s="13" t="s">
        <v>858</v>
      </c>
      <c r="J204" s="13"/>
    </row>
    <row r="205" spans="1:10" ht="17.25" customHeight="1" x14ac:dyDescent="0.15">
      <c r="A205" s="13">
        <v>204</v>
      </c>
      <c r="B205" s="13" t="s">
        <v>235</v>
      </c>
      <c r="C205" s="14" t="s">
        <v>96</v>
      </c>
      <c r="D205" s="14" t="s">
        <v>679</v>
      </c>
      <c r="E205" s="15" t="s">
        <v>714</v>
      </c>
      <c r="F205" s="13">
        <v>30</v>
      </c>
      <c r="G205" s="16">
        <v>6920623</v>
      </c>
      <c r="H205" s="13" t="s">
        <v>514</v>
      </c>
      <c r="I205" s="13" t="s">
        <v>247</v>
      </c>
      <c r="J205" s="13"/>
    </row>
    <row r="206" spans="1:10" ht="17.25" customHeight="1" x14ac:dyDescent="0.15">
      <c r="A206" s="13">
        <v>205</v>
      </c>
      <c r="B206" s="13" t="s">
        <v>235</v>
      </c>
      <c r="C206" s="14" t="s">
        <v>96</v>
      </c>
      <c r="D206" s="14" t="s">
        <v>679</v>
      </c>
      <c r="E206" s="15" t="s">
        <v>715</v>
      </c>
      <c r="F206" s="13">
        <v>75</v>
      </c>
      <c r="G206" s="16">
        <v>6920404</v>
      </c>
      <c r="H206" s="13" t="s">
        <v>515</v>
      </c>
      <c r="I206" s="13" t="s">
        <v>248</v>
      </c>
      <c r="J206" s="13"/>
    </row>
    <row r="207" spans="1:10" ht="17.25" customHeight="1" x14ac:dyDescent="0.15">
      <c r="A207" s="13">
        <v>206</v>
      </c>
      <c r="B207" s="13" t="s">
        <v>235</v>
      </c>
      <c r="C207" s="14" t="s">
        <v>96</v>
      </c>
      <c r="D207" s="14" t="s">
        <v>679</v>
      </c>
      <c r="E207" s="15" t="s">
        <v>716</v>
      </c>
      <c r="F207" s="13">
        <v>45</v>
      </c>
      <c r="G207" s="16">
        <v>6920731</v>
      </c>
      <c r="H207" s="13" t="s">
        <v>516</v>
      </c>
      <c r="I207" s="13" t="s">
        <v>249</v>
      </c>
      <c r="J207" s="13"/>
    </row>
    <row r="208" spans="1:10" ht="17.25" customHeight="1" x14ac:dyDescent="0.15">
      <c r="A208" s="13">
        <v>207</v>
      </c>
      <c r="B208" s="13" t="s">
        <v>235</v>
      </c>
      <c r="C208" s="14" t="s">
        <v>96</v>
      </c>
      <c r="D208" s="14" t="s">
        <v>679</v>
      </c>
      <c r="E208" s="15" t="s">
        <v>717</v>
      </c>
      <c r="F208" s="13">
        <v>60</v>
      </c>
      <c r="G208" s="16">
        <v>6920212</v>
      </c>
      <c r="H208" s="13" t="s">
        <v>517</v>
      </c>
      <c r="I208" s="13" t="s">
        <v>250</v>
      </c>
      <c r="J208" s="13"/>
    </row>
    <row r="209" spans="1:10" ht="17.25" customHeight="1" x14ac:dyDescent="0.15">
      <c r="A209" s="13">
        <v>208</v>
      </c>
      <c r="B209" s="13" t="s">
        <v>235</v>
      </c>
      <c r="C209" s="14" t="s">
        <v>96</v>
      </c>
      <c r="D209" s="14" t="s">
        <v>679</v>
      </c>
      <c r="E209" s="15" t="s">
        <v>718</v>
      </c>
      <c r="F209" s="13">
        <v>80</v>
      </c>
      <c r="G209" s="16">
        <v>6920205</v>
      </c>
      <c r="H209" s="13" t="s">
        <v>518</v>
      </c>
      <c r="I209" s="13" t="s">
        <v>251</v>
      </c>
      <c r="J209" s="13"/>
    </row>
    <row r="210" spans="1:10" ht="17.25" customHeight="1" x14ac:dyDescent="0.15">
      <c r="A210" s="13">
        <v>209</v>
      </c>
      <c r="B210" s="13" t="s">
        <v>235</v>
      </c>
      <c r="C210" s="14" t="s">
        <v>96</v>
      </c>
      <c r="D210" s="14" t="s">
        <v>679</v>
      </c>
      <c r="E210" s="15" t="s">
        <v>719</v>
      </c>
      <c r="F210" s="13">
        <v>30</v>
      </c>
      <c r="G210" s="16">
        <v>6920213</v>
      </c>
      <c r="H210" s="13" t="s">
        <v>519</v>
      </c>
      <c r="I210" s="13" t="s">
        <v>252</v>
      </c>
      <c r="J210" s="13"/>
    </row>
    <row r="211" spans="1:10" ht="17.25" customHeight="1" x14ac:dyDescent="0.15">
      <c r="A211" s="13">
        <v>210</v>
      </c>
      <c r="B211" s="13" t="s">
        <v>235</v>
      </c>
      <c r="C211" s="14" t="s">
        <v>96</v>
      </c>
      <c r="D211" s="14" t="s">
        <v>679</v>
      </c>
      <c r="E211" s="15" t="s">
        <v>720</v>
      </c>
      <c r="F211" s="13">
        <v>25</v>
      </c>
      <c r="G211" s="16">
        <v>6920321</v>
      </c>
      <c r="H211" s="13" t="s">
        <v>520</v>
      </c>
      <c r="I211" s="13" t="s">
        <v>253</v>
      </c>
      <c r="J211" s="13"/>
    </row>
    <row r="212" spans="1:10" ht="17.25" customHeight="1" x14ac:dyDescent="0.15">
      <c r="A212" s="13">
        <v>211</v>
      </c>
      <c r="B212" s="13" t="s">
        <v>235</v>
      </c>
      <c r="C212" s="14" t="s">
        <v>103</v>
      </c>
      <c r="D212" s="14"/>
      <c r="E212" s="15" t="s">
        <v>521</v>
      </c>
      <c r="F212" s="13">
        <v>60</v>
      </c>
      <c r="G212" s="16">
        <v>6920011</v>
      </c>
      <c r="H212" s="13" t="s">
        <v>522</v>
      </c>
      <c r="I212" s="13" t="s">
        <v>254</v>
      </c>
      <c r="J212" s="21"/>
    </row>
    <row r="213" spans="1:10" ht="17.25" customHeight="1" x14ac:dyDescent="0.15">
      <c r="A213" s="13">
        <v>212</v>
      </c>
      <c r="B213" s="13" t="s">
        <v>235</v>
      </c>
      <c r="C213" s="14" t="s">
        <v>103</v>
      </c>
      <c r="D213" s="14"/>
      <c r="E213" s="15" t="s">
        <v>255</v>
      </c>
      <c r="F213" s="13">
        <v>120</v>
      </c>
      <c r="G213" s="16">
        <v>6920011</v>
      </c>
      <c r="H213" s="13" t="s">
        <v>256</v>
      </c>
      <c r="I213" s="13" t="s">
        <v>257</v>
      </c>
      <c r="J213" s="13"/>
    </row>
    <row r="214" spans="1:10" x14ac:dyDescent="0.15">
      <c r="A214" s="13">
        <v>213</v>
      </c>
      <c r="B214" s="13" t="s">
        <v>235</v>
      </c>
      <c r="C214" s="14" t="s">
        <v>103</v>
      </c>
      <c r="D214" s="14"/>
      <c r="E214" s="15" t="s">
        <v>258</v>
      </c>
      <c r="F214" s="13">
        <v>120</v>
      </c>
      <c r="G214" s="16">
        <v>6920404</v>
      </c>
      <c r="H214" s="13" t="s">
        <v>523</v>
      </c>
      <c r="I214" s="13" t="s">
        <v>524</v>
      </c>
      <c r="J214" s="13"/>
    </row>
    <row r="215" spans="1:10" ht="17.25" customHeight="1" x14ac:dyDescent="0.15">
      <c r="A215" s="13">
        <v>214</v>
      </c>
      <c r="B215" s="13" t="s">
        <v>235</v>
      </c>
      <c r="C215" s="14" t="s">
        <v>103</v>
      </c>
      <c r="D215" s="14"/>
      <c r="E215" s="15" t="s">
        <v>38</v>
      </c>
      <c r="F215" s="13">
        <v>38</v>
      </c>
      <c r="G215" s="16">
        <v>6920024</v>
      </c>
      <c r="H215" s="13" t="s">
        <v>659</v>
      </c>
      <c r="I215" s="13" t="s">
        <v>525</v>
      </c>
      <c r="J215" s="13"/>
    </row>
    <row r="216" spans="1:10" ht="17.25" customHeight="1" x14ac:dyDescent="0.15">
      <c r="A216" s="13">
        <v>215</v>
      </c>
      <c r="B216" s="13" t="s">
        <v>195</v>
      </c>
      <c r="C216" s="14" t="s">
        <v>96</v>
      </c>
      <c r="D216" s="14"/>
      <c r="E216" s="15" t="s">
        <v>196</v>
      </c>
      <c r="F216" s="13">
        <v>80</v>
      </c>
      <c r="G216" s="16">
        <v>6950001</v>
      </c>
      <c r="H216" s="13" t="s">
        <v>197</v>
      </c>
      <c r="I216" s="13" t="s">
        <v>198</v>
      </c>
      <c r="J216" s="13"/>
    </row>
    <row r="217" spans="1:10" ht="17.25" customHeight="1" x14ac:dyDescent="0.15">
      <c r="A217" s="13">
        <v>216</v>
      </c>
      <c r="B217" s="13" t="s">
        <v>195</v>
      </c>
      <c r="C217" s="14" t="s">
        <v>96</v>
      </c>
      <c r="D217" s="14"/>
      <c r="E217" s="15" t="s">
        <v>199</v>
      </c>
      <c r="F217" s="13">
        <v>30</v>
      </c>
      <c r="G217" s="16">
        <v>6994111</v>
      </c>
      <c r="H217" s="13" t="s">
        <v>575</v>
      </c>
      <c r="I217" s="13" t="s">
        <v>200</v>
      </c>
      <c r="J217" s="13"/>
    </row>
    <row r="218" spans="1:10" ht="17.25" customHeight="1" x14ac:dyDescent="0.15">
      <c r="A218" s="13">
        <v>217</v>
      </c>
      <c r="B218" s="13" t="s">
        <v>195</v>
      </c>
      <c r="C218" s="14" t="s">
        <v>96</v>
      </c>
      <c r="D218" s="14"/>
      <c r="E218" s="15" t="s">
        <v>576</v>
      </c>
      <c r="F218" s="13">
        <v>150</v>
      </c>
      <c r="G218" s="16">
        <v>6950011</v>
      </c>
      <c r="H218" s="13" t="s">
        <v>577</v>
      </c>
      <c r="I218" s="13" t="s">
        <v>578</v>
      </c>
      <c r="J218" s="13"/>
    </row>
    <row r="219" spans="1:10" ht="17.25" customHeight="1" x14ac:dyDescent="0.15">
      <c r="A219" s="13">
        <v>218</v>
      </c>
      <c r="B219" s="13" t="s">
        <v>195</v>
      </c>
      <c r="C219" s="14" t="s">
        <v>103</v>
      </c>
      <c r="D219" s="14"/>
      <c r="E219" s="15" t="s">
        <v>201</v>
      </c>
      <c r="F219" s="13">
        <v>30</v>
      </c>
      <c r="G219" s="16">
        <v>6993161</v>
      </c>
      <c r="H219" s="13" t="s">
        <v>202</v>
      </c>
      <c r="I219" s="13" t="s">
        <v>203</v>
      </c>
      <c r="J219" s="13"/>
    </row>
    <row r="220" spans="1:10" ht="17.25" customHeight="1" x14ac:dyDescent="0.15">
      <c r="A220" s="13">
        <v>219</v>
      </c>
      <c r="B220" s="13" t="s">
        <v>195</v>
      </c>
      <c r="C220" s="14" t="s">
        <v>103</v>
      </c>
      <c r="D220" s="14" t="s">
        <v>679</v>
      </c>
      <c r="E220" s="15" t="s">
        <v>809</v>
      </c>
      <c r="F220" s="13">
        <v>120</v>
      </c>
      <c r="G220" s="16">
        <v>6950021</v>
      </c>
      <c r="H220" s="13" t="s">
        <v>204</v>
      </c>
      <c r="I220" s="13" t="s">
        <v>205</v>
      </c>
      <c r="J220" s="13"/>
    </row>
    <row r="221" spans="1:10" ht="17.25" customHeight="1" x14ac:dyDescent="0.15">
      <c r="A221" s="13">
        <v>220</v>
      </c>
      <c r="B221" s="13" t="s">
        <v>195</v>
      </c>
      <c r="C221" s="14" t="s">
        <v>103</v>
      </c>
      <c r="D221" s="14"/>
      <c r="E221" s="15" t="s">
        <v>206</v>
      </c>
      <c r="F221" s="13">
        <v>90</v>
      </c>
      <c r="G221" s="16">
        <v>6993162</v>
      </c>
      <c r="H221" s="13" t="s">
        <v>207</v>
      </c>
      <c r="I221" s="13" t="s">
        <v>208</v>
      </c>
      <c r="J221" s="13"/>
    </row>
    <row r="222" spans="1:10" ht="17.25" customHeight="1" x14ac:dyDescent="0.15">
      <c r="A222" s="13">
        <v>221</v>
      </c>
      <c r="B222" s="13" t="s">
        <v>195</v>
      </c>
      <c r="C222" s="14" t="s">
        <v>103</v>
      </c>
      <c r="D222" s="14" t="s">
        <v>679</v>
      </c>
      <c r="E222" s="15" t="s">
        <v>721</v>
      </c>
      <c r="F222" s="13">
        <v>50</v>
      </c>
      <c r="G222" s="16">
        <v>6992841</v>
      </c>
      <c r="H222" s="13" t="s">
        <v>722</v>
      </c>
      <c r="I222" s="13" t="s">
        <v>209</v>
      </c>
      <c r="J222" s="13"/>
    </row>
    <row r="223" spans="1:10" ht="17.25" customHeight="1" x14ac:dyDescent="0.15">
      <c r="A223" s="13">
        <v>222</v>
      </c>
      <c r="B223" s="13" t="s">
        <v>195</v>
      </c>
      <c r="C223" s="14" t="s">
        <v>103</v>
      </c>
      <c r="D223" s="14"/>
      <c r="E223" s="15" t="s">
        <v>723</v>
      </c>
      <c r="F223" s="13">
        <v>30</v>
      </c>
      <c r="G223" s="16">
        <v>6950016</v>
      </c>
      <c r="H223" s="16" t="s">
        <v>210</v>
      </c>
      <c r="I223" s="16" t="s">
        <v>211</v>
      </c>
      <c r="J223" s="13"/>
    </row>
    <row r="224" spans="1:10" ht="17.25" customHeight="1" x14ac:dyDescent="0.15">
      <c r="A224" s="13">
        <v>223</v>
      </c>
      <c r="B224" s="13" t="s">
        <v>195</v>
      </c>
      <c r="C224" s="14" t="s">
        <v>96</v>
      </c>
      <c r="D224" s="14"/>
      <c r="E224" s="15" t="s">
        <v>724</v>
      </c>
      <c r="F224" s="13">
        <v>50</v>
      </c>
      <c r="G224" s="16">
        <v>6994225</v>
      </c>
      <c r="H224" s="13" t="s">
        <v>725</v>
      </c>
      <c r="I224" s="13" t="s">
        <v>669</v>
      </c>
      <c r="J224" s="13"/>
    </row>
    <row r="225" spans="1:10" ht="17.25" customHeight="1" x14ac:dyDescent="0.15">
      <c r="A225" s="13">
        <v>224</v>
      </c>
      <c r="B225" s="13" t="s">
        <v>526</v>
      </c>
      <c r="C225" s="14" t="s">
        <v>96</v>
      </c>
      <c r="D225" s="14"/>
      <c r="E225" s="15" t="s">
        <v>352</v>
      </c>
      <c r="F225" s="13">
        <v>135</v>
      </c>
      <c r="G225" s="16">
        <v>6991251</v>
      </c>
      <c r="H225" s="13" t="s">
        <v>527</v>
      </c>
      <c r="I225" s="13" t="s">
        <v>528</v>
      </c>
      <c r="J225" s="13"/>
    </row>
    <row r="226" spans="1:10" ht="17.25" customHeight="1" x14ac:dyDescent="0.15">
      <c r="A226" s="13">
        <v>225</v>
      </c>
      <c r="B226" s="13" t="s">
        <v>526</v>
      </c>
      <c r="C226" s="14" t="s">
        <v>96</v>
      </c>
      <c r="D226" s="14"/>
      <c r="E226" s="15" t="s">
        <v>353</v>
      </c>
      <c r="F226" s="13">
        <v>90</v>
      </c>
      <c r="G226" s="16">
        <v>6991221</v>
      </c>
      <c r="H226" s="13" t="s">
        <v>726</v>
      </c>
      <c r="I226" s="25" t="s">
        <v>727</v>
      </c>
      <c r="J226" s="13"/>
    </row>
    <row r="227" spans="1:10" ht="17.25" customHeight="1" x14ac:dyDescent="0.15">
      <c r="A227" s="13">
        <v>226</v>
      </c>
      <c r="B227" s="13" t="s">
        <v>526</v>
      </c>
      <c r="C227" s="14" t="s">
        <v>96</v>
      </c>
      <c r="D227" s="14"/>
      <c r="E227" s="15" t="s">
        <v>354</v>
      </c>
      <c r="F227" s="13">
        <v>80</v>
      </c>
      <c r="G227" s="16">
        <v>6991311</v>
      </c>
      <c r="H227" s="13" t="s">
        <v>529</v>
      </c>
      <c r="I227" s="13" t="s">
        <v>355</v>
      </c>
      <c r="J227" s="13"/>
    </row>
    <row r="228" spans="1:10" ht="17.25" customHeight="1" x14ac:dyDescent="0.15">
      <c r="A228" s="13">
        <v>227</v>
      </c>
      <c r="B228" s="13" t="s">
        <v>526</v>
      </c>
      <c r="C228" s="14" t="s">
        <v>96</v>
      </c>
      <c r="D228" s="30"/>
      <c r="E228" s="15" t="s">
        <v>864</v>
      </c>
      <c r="F228" s="31">
        <v>120</v>
      </c>
      <c r="G228" s="16">
        <v>6902404</v>
      </c>
      <c r="H228" s="13" t="s">
        <v>530</v>
      </c>
      <c r="I228" s="13" t="s">
        <v>356</v>
      </c>
      <c r="J228" s="13"/>
    </row>
    <row r="229" spans="1:10" ht="17.25" customHeight="1" x14ac:dyDescent="0.15">
      <c r="A229" s="13">
        <v>228</v>
      </c>
      <c r="B229" s="13" t="s">
        <v>526</v>
      </c>
      <c r="C229" s="14" t="s">
        <v>96</v>
      </c>
      <c r="D229" s="14" t="s">
        <v>815</v>
      </c>
      <c r="E229" s="15" t="s">
        <v>810</v>
      </c>
      <c r="F229" s="13">
        <v>25</v>
      </c>
      <c r="G229" s="16">
        <v>6902801</v>
      </c>
      <c r="H229" s="13" t="s">
        <v>531</v>
      </c>
      <c r="I229" s="13" t="s">
        <v>357</v>
      </c>
      <c r="J229" s="13"/>
    </row>
    <row r="230" spans="1:10" ht="17.25" customHeight="1" x14ac:dyDescent="0.15">
      <c r="A230" s="13">
        <v>229</v>
      </c>
      <c r="B230" s="13" t="s">
        <v>526</v>
      </c>
      <c r="C230" s="14" t="s">
        <v>96</v>
      </c>
      <c r="D230" s="14" t="s">
        <v>815</v>
      </c>
      <c r="E230" s="15" t="s">
        <v>865</v>
      </c>
      <c r="F230" s="13">
        <v>25</v>
      </c>
      <c r="G230" s="16">
        <v>6902313</v>
      </c>
      <c r="H230" s="13" t="s">
        <v>532</v>
      </c>
      <c r="I230" s="13" t="s">
        <v>358</v>
      </c>
      <c r="J230" s="13"/>
    </row>
    <row r="231" spans="1:10" ht="17.25" customHeight="1" x14ac:dyDescent="0.15">
      <c r="A231" s="13">
        <v>230</v>
      </c>
      <c r="B231" s="13" t="s">
        <v>526</v>
      </c>
      <c r="C231" s="14" t="s">
        <v>96</v>
      </c>
      <c r="D231" s="14" t="s">
        <v>815</v>
      </c>
      <c r="E231" s="15" t="s">
        <v>866</v>
      </c>
      <c r="F231" s="13">
        <v>80</v>
      </c>
      <c r="G231" s="16">
        <v>6902701</v>
      </c>
      <c r="H231" s="13" t="s">
        <v>533</v>
      </c>
      <c r="I231" s="13" t="s">
        <v>534</v>
      </c>
      <c r="J231" s="13"/>
    </row>
    <row r="232" spans="1:10" ht="17.25" customHeight="1" x14ac:dyDescent="0.15">
      <c r="A232" s="13">
        <v>231</v>
      </c>
      <c r="B232" s="13" t="s">
        <v>526</v>
      </c>
      <c r="C232" s="14" t="s">
        <v>103</v>
      </c>
      <c r="D232" s="14"/>
      <c r="E232" s="15" t="s">
        <v>359</v>
      </c>
      <c r="F232" s="13">
        <v>90</v>
      </c>
      <c r="G232" s="16">
        <v>6991223</v>
      </c>
      <c r="H232" s="13" t="s">
        <v>535</v>
      </c>
      <c r="I232" s="13" t="s">
        <v>360</v>
      </c>
      <c r="J232" s="13"/>
    </row>
    <row r="233" spans="1:10" ht="17.25" customHeight="1" x14ac:dyDescent="0.15">
      <c r="A233" s="13">
        <v>232</v>
      </c>
      <c r="B233" s="13" t="s">
        <v>526</v>
      </c>
      <c r="C233" s="14" t="s">
        <v>103</v>
      </c>
      <c r="D233" s="14"/>
      <c r="E233" s="15" t="s">
        <v>536</v>
      </c>
      <c r="F233" s="13">
        <v>100</v>
      </c>
      <c r="G233" s="16">
        <v>6991311</v>
      </c>
      <c r="H233" s="13" t="s">
        <v>537</v>
      </c>
      <c r="I233" s="13" t="s">
        <v>538</v>
      </c>
      <c r="J233" s="25"/>
    </row>
    <row r="234" spans="1:10" ht="17.25" customHeight="1" x14ac:dyDescent="0.15">
      <c r="A234" s="13">
        <v>233</v>
      </c>
      <c r="B234" s="13" t="s">
        <v>526</v>
      </c>
      <c r="C234" s="14" t="s">
        <v>103</v>
      </c>
      <c r="D234" s="14"/>
      <c r="E234" s="15" t="s">
        <v>539</v>
      </c>
      <c r="F234" s="13">
        <v>30</v>
      </c>
      <c r="G234" s="16">
        <v>6991102</v>
      </c>
      <c r="H234" s="13" t="s">
        <v>540</v>
      </c>
      <c r="I234" s="13" t="s">
        <v>541</v>
      </c>
      <c r="J234" s="13"/>
    </row>
    <row r="235" spans="1:10" ht="17.25" customHeight="1" x14ac:dyDescent="0.15">
      <c r="A235" s="13">
        <v>234</v>
      </c>
      <c r="B235" s="13" t="s">
        <v>526</v>
      </c>
      <c r="C235" s="14" t="s">
        <v>103</v>
      </c>
      <c r="D235" s="14"/>
      <c r="E235" s="15" t="s">
        <v>877</v>
      </c>
      <c r="F235" s="13">
        <v>30</v>
      </c>
      <c r="G235" s="16">
        <v>6991223</v>
      </c>
      <c r="H235" s="13" t="s">
        <v>728</v>
      </c>
      <c r="I235" s="13" t="s">
        <v>360</v>
      </c>
      <c r="J235" s="13"/>
    </row>
    <row r="236" spans="1:10" ht="17.25" customHeight="1" x14ac:dyDescent="0.15">
      <c r="A236" s="13">
        <v>235</v>
      </c>
      <c r="B236" s="13" t="s">
        <v>526</v>
      </c>
      <c r="C236" s="14" t="s">
        <v>103</v>
      </c>
      <c r="D236" s="14"/>
      <c r="E236" s="15" t="s">
        <v>792</v>
      </c>
      <c r="F236" s="13">
        <v>60</v>
      </c>
      <c r="G236" s="16">
        <v>6991104</v>
      </c>
      <c r="H236" s="13" t="s">
        <v>800</v>
      </c>
      <c r="I236" s="15" t="s">
        <v>859</v>
      </c>
      <c r="J236" s="13"/>
    </row>
    <row r="237" spans="1:10" ht="17.25" customHeight="1" x14ac:dyDescent="0.15">
      <c r="A237" s="13">
        <v>236</v>
      </c>
      <c r="B237" s="13" t="s">
        <v>729</v>
      </c>
      <c r="C237" s="14" t="s">
        <v>103</v>
      </c>
      <c r="D237" s="14"/>
      <c r="E237" s="15" t="s">
        <v>229</v>
      </c>
      <c r="F237" s="13">
        <v>80</v>
      </c>
      <c r="G237" s="16">
        <v>6991832</v>
      </c>
      <c r="H237" s="13" t="s">
        <v>730</v>
      </c>
      <c r="I237" s="13" t="s">
        <v>230</v>
      </c>
      <c r="J237" s="25"/>
    </row>
    <row r="238" spans="1:10" ht="17.25" customHeight="1" x14ac:dyDescent="0.15">
      <c r="A238" s="13">
        <v>237</v>
      </c>
      <c r="B238" s="13" t="s">
        <v>729</v>
      </c>
      <c r="C238" s="14" t="s">
        <v>103</v>
      </c>
      <c r="D238" s="14"/>
      <c r="E238" s="15" t="s">
        <v>731</v>
      </c>
      <c r="F238" s="13">
        <v>30</v>
      </c>
      <c r="G238" s="16">
        <v>6991941</v>
      </c>
      <c r="H238" s="13" t="s">
        <v>732</v>
      </c>
      <c r="I238" s="13" t="s">
        <v>660</v>
      </c>
      <c r="J238" s="25"/>
    </row>
    <row r="239" spans="1:10" ht="17.25" customHeight="1" x14ac:dyDescent="0.15">
      <c r="A239" s="13">
        <v>238</v>
      </c>
      <c r="B239" s="13" t="s">
        <v>729</v>
      </c>
      <c r="C239" s="14" t="s">
        <v>103</v>
      </c>
      <c r="D239" s="14"/>
      <c r="E239" s="15" t="s">
        <v>231</v>
      </c>
      <c r="F239" s="13">
        <v>50</v>
      </c>
      <c r="G239" s="16">
        <v>6991621</v>
      </c>
      <c r="H239" s="13" t="s">
        <v>733</v>
      </c>
      <c r="I239" s="13" t="s">
        <v>232</v>
      </c>
      <c r="J239" s="13"/>
    </row>
    <row r="240" spans="1:10" x14ac:dyDescent="0.15">
      <c r="A240" s="13">
        <v>239</v>
      </c>
      <c r="B240" s="13" t="s">
        <v>729</v>
      </c>
      <c r="C240" s="14" t="s">
        <v>103</v>
      </c>
      <c r="D240" s="14"/>
      <c r="E240" s="15" t="s">
        <v>233</v>
      </c>
      <c r="F240" s="13">
        <v>100</v>
      </c>
      <c r="G240" s="16">
        <v>6991511</v>
      </c>
      <c r="H240" s="13" t="s">
        <v>734</v>
      </c>
      <c r="I240" s="13" t="s">
        <v>234</v>
      </c>
      <c r="J240" s="13"/>
    </row>
    <row r="241" spans="1:10" x14ac:dyDescent="0.15">
      <c r="A241" s="13">
        <v>240</v>
      </c>
      <c r="B241" s="13" t="s">
        <v>729</v>
      </c>
      <c r="C241" s="14" t="s">
        <v>103</v>
      </c>
      <c r="D241" s="14"/>
      <c r="E241" s="15" t="s">
        <v>735</v>
      </c>
      <c r="F241" s="13">
        <v>40</v>
      </c>
      <c r="G241" s="16">
        <v>6991432</v>
      </c>
      <c r="H241" s="13" t="s">
        <v>736</v>
      </c>
      <c r="I241" s="13" t="s">
        <v>661</v>
      </c>
      <c r="J241" s="25"/>
    </row>
    <row r="242" spans="1:10" ht="17.25" customHeight="1" x14ac:dyDescent="0.15">
      <c r="A242" s="13">
        <v>241</v>
      </c>
      <c r="B242" s="13" t="s">
        <v>729</v>
      </c>
      <c r="C242" s="14" t="s">
        <v>103</v>
      </c>
      <c r="D242" s="14"/>
      <c r="E242" s="15" t="s">
        <v>737</v>
      </c>
      <c r="F242" s="13">
        <v>40</v>
      </c>
      <c r="G242" s="32">
        <v>6991822</v>
      </c>
      <c r="H242" s="13" t="s">
        <v>738</v>
      </c>
      <c r="I242" s="13" t="s">
        <v>662</v>
      </c>
      <c r="J242" s="25"/>
    </row>
    <row r="243" spans="1:10" x14ac:dyDescent="0.15">
      <c r="A243" s="38">
        <v>242</v>
      </c>
      <c r="B243" s="38" t="s">
        <v>729</v>
      </c>
      <c r="C243" s="39" t="s">
        <v>103</v>
      </c>
      <c r="D243" s="39"/>
      <c r="E243" s="40" t="s">
        <v>878</v>
      </c>
      <c r="F243" s="38">
        <v>0</v>
      </c>
      <c r="G243" s="43">
        <v>6991802</v>
      </c>
      <c r="H243" s="38" t="s">
        <v>663</v>
      </c>
      <c r="I243" s="38" t="s">
        <v>664</v>
      </c>
      <c r="J243" s="38" t="s">
        <v>803</v>
      </c>
    </row>
    <row r="244" spans="1:10" x14ac:dyDescent="0.15">
      <c r="A244" s="13">
        <v>243</v>
      </c>
      <c r="B244" s="13" t="s">
        <v>729</v>
      </c>
      <c r="C244" s="14" t="s">
        <v>103</v>
      </c>
      <c r="D244" s="14"/>
      <c r="E244" s="15" t="s">
        <v>879</v>
      </c>
      <c r="F244" s="13">
        <v>35</v>
      </c>
      <c r="G244" s="32">
        <v>6991701</v>
      </c>
      <c r="H244" s="13" t="s">
        <v>739</v>
      </c>
      <c r="I244" s="13" t="s">
        <v>665</v>
      </c>
      <c r="J244" s="25"/>
    </row>
    <row r="245" spans="1:10" x14ac:dyDescent="0.15">
      <c r="A245" s="13">
        <v>244</v>
      </c>
      <c r="B245" s="13" t="s">
        <v>729</v>
      </c>
      <c r="C245" s="14" t="s">
        <v>103</v>
      </c>
      <c r="D245" s="14"/>
      <c r="E245" s="15" t="s">
        <v>880</v>
      </c>
      <c r="F245" s="13">
        <v>20</v>
      </c>
      <c r="G245" s="32">
        <v>6991513</v>
      </c>
      <c r="H245" s="13" t="s">
        <v>740</v>
      </c>
      <c r="I245" s="13" t="s">
        <v>741</v>
      </c>
      <c r="J245" s="25"/>
    </row>
    <row r="246" spans="1:10" x14ac:dyDescent="0.15">
      <c r="A246" s="13">
        <v>245</v>
      </c>
      <c r="B246" s="13" t="s">
        <v>742</v>
      </c>
      <c r="C246" s="14" t="s">
        <v>96</v>
      </c>
      <c r="D246" s="14"/>
      <c r="E246" s="15" t="s">
        <v>382</v>
      </c>
      <c r="F246" s="13">
        <v>20</v>
      </c>
      <c r="G246" s="16">
        <v>6903312</v>
      </c>
      <c r="H246" s="13" t="s">
        <v>743</v>
      </c>
      <c r="I246" s="13" t="s">
        <v>383</v>
      </c>
      <c r="J246" s="13"/>
    </row>
    <row r="247" spans="1:10" x14ac:dyDescent="0.15">
      <c r="A247" s="13">
        <v>246</v>
      </c>
      <c r="B247" s="13" t="s">
        <v>742</v>
      </c>
      <c r="C247" s="14" t="s">
        <v>96</v>
      </c>
      <c r="D247" s="14"/>
      <c r="E247" s="15" t="s">
        <v>384</v>
      </c>
      <c r="F247" s="13">
        <v>60</v>
      </c>
      <c r="G247" s="16">
        <v>6903207</v>
      </c>
      <c r="H247" s="13" t="s">
        <v>744</v>
      </c>
      <c r="I247" s="13" t="s">
        <v>385</v>
      </c>
      <c r="J247" s="13"/>
    </row>
    <row r="248" spans="1:10" x14ac:dyDescent="0.15">
      <c r="A248" s="13">
        <v>247</v>
      </c>
      <c r="B248" s="13" t="s">
        <v>742</v>
      </c>
      <c r="C248" s="14" t="s">
        <v>96</v>
      </c>
      <c r="D248" s="14"/>
      <c r="E248" s="15" t="s">
        <v>386</v>
      </c>
      <c r="F248" s="13">
        <v>60</v>
      </c>
      <c r="G248" s="16">
        <v>6903512</v>
      </c>
      <c r="H248" s="13" t="s">
        <v>745</v>
      </c>
      <c r="I248" s="13" t="s">
        <v>387</v>
      </c>
      <c r="J248" s="13"/>
    </row>
    <row r="249" spans="1:10" ht="17.25" customHeight="1" x14ac:dyDescent="0.15">
      <c r="A249" s="13">
        <v>248</v>
      </c>
      <c r="B249" s="13" t="s">
        <v>742</v>
      </c>
      <c r="C249" s="14" t="s">
        <v>96</v>
      </c>
      <c r="D249" s="14"/>
      <c r="E249" s="15" t="s">
        <v>388</v>
      </c>
      <c r="F249" s="13">
        <v>60</v>
      </c>
      <c r="G249" s="16">
        <v>6903401</v>
      </c>
      <c r="H249" s="13" t="s">
        <v>746</v>
      </c>
      <c r="I249" s="13" t="s">
        <v>389</v>
      </c>
      <c r="J249" s="13"/>
    </row>
    <row r="250" spans="1:10" ht="17.25" customHeight="1" x14ac:dyDescent="0.15">
      <c r="A250" s="13">
        <v>249</v>
      </c>
      <c r="B250" s="13" t="s">
        <v>180</v>
      </c>
      <c r="C250" s="14" t="s">
        <v>103</v>
      </c>
      <c r="D250" s="14"/>
      <c r="E250" s="15" t="s">
        <v>181</v>
      </c>
      <c r="F250" s="13">
        <v>70</v>
      </c>
      <c r="G250" s="16">
        <v>6960001</v>
      </c>
      <c r="H250" s="13" t="s">
        <v>182</v>
      </c>
      <c r="I250" s="13" t="s">
        <v>183</v>
      </c>
      <c r="J250" s="13"/>
    </row>
    <row r="251" spans="1:10" ht="17.25" customHeight="1" x14ac:dyDescent="0.15">
      <c r="A251" s="13">
        <v>250</v>
      </c>
      <c r="B251" s="13" t="s">
        <v>180</v>
      </c>
      <c r="C251" s="14" t="s">
        <v>103</v>
      </c>
      <c r="D251" s="14"/>
      <c r="E251" s="15" t="s">
        <v>184</v>
      </c>
      <c r="F251" s="13">
        <v>30</v>
      </c>
      <c r="G251" s="16">
        <v>6960003</v>
      </c>
      <c r="H251" s="13" t="s">
        <v>185</v>
      </c>
      <c r="I251" s="13" t="s">
        <v>186</v>
      </c>
      <c r="J251" s="13"/>
    </row>
    <row r="252" spans="1:10" ht="17.25" customHeight="1" x14ac:dyDescent="0.15">
      <c r="A252" s="13">
        <v>251</v>
      </c>
      <c r="B252" s="13" t="s">
        <v>180</v>
      </c>
      <c r="C252" s="14" t="s">
        <v>103</v>
      </c>
      <c r="D252" s="14"/>
      <c r="E252" s="15" t="s">
        <v>187</v>
      </c>
      <c r="F252" s="13">
        <v>20</v>
      </c>
      <c r="G252" s="16">
        <v>6961225</v>
      </c>
      <c r="H252" s="13" t="s">
        <v>188</v>
      </c>
      <c r="I252" s="13" t="s">
        <v>189</v>
      </c>
      <c r="J252" s="13"/>
    </row>
    <row r="253" spans="1:10" ht="17.25" customHeight="1" x14ac:dyDescent="0.15">
      <c r="A253" s="13">
        <v>252</v>
      </c>
      <c r="B253" s="13" t="s">
        <v>747</v>
      </c>
      <c r="C253" s="14" t="s">
        <v>103</v>
      </c>
      <c r="D253" s="14"/>
      <c r="E253" s="15" t="s">
        <v>748</v>
      </c>
      <c r="F253" s="13">
        <v>45</v>
      </c>
      <c r="G253" s="16">
        <v>6960703</v>
      </c>
      <c r="H253" s="13" t="s">
        <v>853</v>
      </c>
      <c r="I253" s="13" t="s">
        <v>179</v>
      </c>
      <c r="J253" s="13"/>
    </row>
    <row r="254" spans="1:10" ht="17.25" customHeight="1" x14ac:dyDescent="0.15">
      <c r="A254" s="13">
        <v>253</v>
      </c>
      <c r="B254" s="13" t="s">
        <v>747</v>
      </c>
      <c r="C254" s="14" t="s">
        <v>103</v>
      </c>
      <c r="D254" s="14"/>
      <c r="E254" s="15" t="s">
        <v>749</v>
      </c>
      <c r="F254" s="13">
        <v>90</v>
      </c>
      <c r="G254" s="16">
        <v>6994621</v>
      </c>
      <c r="H254" s="13" t="s">
        <v>750</v>
      </c>
      <c r="I254" s="13" t="s">
        <v>178</v>
      </c>
      <c r="J254" s="13"/>
    </row>
    <row r="255" spans="1:10" ht="17.25" customHeight="1" x14ac:dyDescent="0.15">
      <c r="A255" s="13">
        <v>254</v>
      </c>
      <c r="B255" s="13" t="s">
        <v>751</v>
      </c>
      <c r="C255" s="14" t="s">
        <v>103</v>
      </c>
      <c r="D255" s="14"/>
      <c r="E255" s="15" t="s">
        <v>216</v>
      </c>
      <c r="F255" s="13">
        <v>20</v>
      </c>
      <c r="G255" s="16">
        <v>6994311</v>
      </c>
      <c r="H255" s="13" t="s">
        <v>752</v>
      </c>
      <c r="I255" s="13" t="s">
        <v>217</v>
      </c>
      <c r="J255" s="13"/>
    </row>
    <row r="256" spans="1:10" ht="17.25" customHeight="1" x14ac:dyDescent="0.15">
      <c r="A256" s="13">
        <v>255</v>
      </c>
      <c r="B256" s="13" t="s">
        <v>751</v>
      </c>
      <c r="C256" s="14" t="s">
        <v>103</v>
      </c>
      <c r="D256" s="14"/>
      <c r="E256" s="15" t="s">
        <v>753</v>
      </c>
      <c r="F256" s="13">
        <v>120</v>
      </c>
      <c r="G256" s="16">
        <v>6960103</v>
      </c>
      <c r="H256" s="13" t="s">
        <v>754</v>
      </c>
      <c r="I256" s="13" t="s">
        <v>218</v>
      </c>
      <c r="J256" s="13"/>
    </row>
    <row r="257" spans="1:10" ht="17.25" customHeight="1" x14ac:dyDescent="0.15">
      <c r="A257" s="13">
        <v>256</v>
      </c>
      <c r="B257" s="13" t="s">
        <v>751</v>
      </c>
      <c r="C257" s="14" t="s">
        <v>103</v>
      </c>
      <c r="D257" s="14"/>
      <c r="E257" s="15" t="s">
        <v>219</v>
      </c>
      <c r="F257" s="13">
        <v>60</v>
      </c>
      <c r="G257" s="16">
        <v>6960102</v>
      </c>
      <c r="H257" s="13" t="s">
        <v>755</v>
      </c>
      <c r="I257" s="13" t="s">
        <v>220</v>
      </c>
      <c r="J257" s="13"/>
    </row>
    <row r="258" spans="1:10" ht="17.25" customHeight="1" x14ac:dyDescent="0.15">
      <c r="A258" s="13">
        <v>257</v>
      </c>
      <c r="B258" s="13" t="s">
        <v>751</v>
      </c>
      <c r="C258" s="14" t="s">
        <v>103</v>
      </c>
      <c r="D258" s="14"/>
      <c r="E258" s="15" t="s">
        <v>221</v>
      </c>
      <c r="F258" s="13">
        <v>20</v>
      </c>
      <c r="G258" s="16">
        <v>6970631</v>
      </c>
      <c r="H258" s="13" t="s">
        <v>756</v>
      </c>
      <c r="I258" s="13" t="s">
        <v>222</v>
      </c>
      <c r="J258" s="13"/>
    </row>
    <row r="259" spans="1:10" ht="17.25" customHeight="1" x14ac:dyDescent="0.15">
      <c r="A259" s="13">
        <v>258</v>
      </c>
      <c r="B259" s="13" t="s">
        <v>751</v>
      </c>
      <c r="C259" s="14" t="s">
        <v>103</v>
      </c>
      <c r="D259" s="14"/>
      <c r="E259" s="15" t="s">
        <v>223</v>
      </c>
      <c r="F259" s="13">
        <v>40</v>
      </c>
      <c r="G259" s="16">
        <v>6960312</v>
      </c>
      <c r="H259" s="13" t="s">
        <v>757</v>
      </c>
      <c r="I259" s="13" t="s">
        <v>224</v>
      </c>
      <c r="J259" s="25"/>
    </row>
    <row r="260" spans="1:10" ht="17.25" customHeight="1" x14ac:dyDescent="0.15">
      <c r="A260" s="13">
        <v>259</v>
      </c>
      <c r="B260" s="13" t="s">
        <v>751</v>
      </c>
      <c r="C260" s="14" t="s">
        <v>103</v>
      </c>
      <c r="D260" s="14"/>
      <c r="E260" s="15" t="s">
        <v>225</v>
      </c>
      <c r="F260" s="13">
        <v>40</v>
      </c>
      <c r="G260" s="16">
        <v>6960404</v>
      </c>
      <c r="H260" s="13" t="s">
        <v>758</v>
      </c>
      <c r="I260" s="13" t="s">
        <v>226</v>
      </c>
      <c r="J260" s="13"/>
    </row>
    <row r="261" spans="1:10" ht="17.25" customHeight="1" x14ac:dyDescent="0.15">
      <c r="A261" s="13">
        <v>260</v>
      </c>
      <c r="B261" s="13" t="s">
        <v>751</v>
      </c>
      <c r="C261" s="14" t="s">
        <v>103</v>
      </c>
      <c r="D261" s="14"/>
      <c r="E261" s="15" t="s">
        <v>227</v>
      </c>
      <c r="F261" s="13">
        <v>70</v>
      </c>
      <c r="G261" s="16">
        <v>6960224</v>
      </c>
      <c r="H261" s="13" t="s">
        <v>759</v>
      </c>
      <c r="I261" s="13" t="s">
        <v>228</v>
      </c>
      <c r="J261" s="13"/>
    </row>
    <row r="262" spans="1:10" ht="17.25" customHeight="1" x14ac:dyDescent="0.15">
      <c r="A262" s="13">
        <v>261</v>
      </c>
      <c r="B262" s="13" t="s">
        <v>751</v>
      </c>
      <c r="C262" s="14" t="s">
        <v>103</v>
      </c>
      <c r="D262" s="14"/>
      <c r="E262" s="15" t="s">
        <v>214</v>
      </c>
      <c r="F262" s="13">
        <v>20</v>
      </c>
      <c r="G262" s="16">
        <v>6960603</v>
      </c>
      <c r="H262" s="13" t="s">
        <v>760</v>
      </c>
      <c r="I262" s="13" t="s">
        <v>215</v>
      </c>
      <c r="J262" s="13"/>
    </row>
    <row r="263" spans="1:10" ht="17.25" customHeight="1" x14ac:dyDescent="0.15">
      <c r="A263" s="13">
        <v>262</v>
      </c>
      <c r="B263" s="13" t="s">
        <v>751</v>
      </c>
      <c r="C263" s="14" t="s">
        <v>103</v>
      </c>
      <c r="D263" s="14"/>
      <c r="E263" s="15" t="s">
        <v>212</v>
      </c>
      <c r="F263" s="13">
        <v>20</v>
      </c>
      <c r="G263" s="16">
        <v>6960501</v>
      </c>
      <c r="H263" s="13" t="s">
        <v>856</v>
      </c>
      <c r="I263" s="13" t="s">
        <v>213</v>
      </c>
      <c r="J263" s="13"/>
    </row>
    <row r="264" spans="1:10" ht="17.25" customHeight="1" x14ac:dyDescent="0.15">
      <c r="A264" s="13">
        <v>263</v>
      </c>
      <c r="B264" s="13" t="s">
        <v>299</v>
      </c>
      <c r="C264" s="14" t="s">
        <v>96</v>
      </c>
      <c r="D264" s="14"/>
      <c r="E264" s="15" t="s">
        <v>300</v>
      </c>
      <c r="F264" s="13">
        <v>90</v>
      </c>
      <c r="G264" s="16">
        <v>6995221</v>
      </c>
      <c r="H264" s="13" t="s">
        <v>570</v>
      </c>
      <c r="I264" s="13" t="s">
        <v>571</v>
      </c>
      <c r="J264" s="13"/>
    </row>
    <row r="265" spans="1:10" ht="17.25" customHeight="1" x14ac:dyDescent="0.15">
      <c r="A265" s="13">
        <v>264</v>
      </c>
      <c r="B265" s="13" t="s">
        <v>299</v>
      </c>
      <c r="C265" s="14" t="s">
        <v>96</v>
      </c>
      <c r="D265" s="14"/>
      <c r="E265" s="15" t="s">
        <v>301</v>
      </c>
      <c r="F265" s="13">
        <v>30</v>
      </c>
      <c r="G265" s="16">
        <v>6995211</v>
      </c>
      <c r="H265" s="13" t="s">
        <v>761</v>
      </c>
      <c r="I265" s="13" t="s">
        <v>572</v>
      </c>
      <c r="J265" s="13"/>
    </row>
    <row r="266" spans="1:10" ht="17.25" customHeight="1" x14ac:dyDescent="0.15">
      <c r="A266" s="13">
        <v>265</v>
      </c>
      <c r="B266" s="13" t="s">
        <v>299</v>
      </c>
      <c r="C266" s="14" t="s">
        <v>103</v>
      </c>
      <c r="D266" s="14"/>
      <c r="E266" s="15" t="s">
        <v>302</v>
      </c>
      <c r="F266" s="13">
        <v>90</v>
      </c>
      <c r="G266" s="16">
        <v>6995605</v>
      </c>
      <c r="H266" s="13" t="s">
        <v>573</v>
      </c>
      <c r="I266" s="13" t="s">
        <v>574</v>
      </c>
      <c r="J266" s="13"/>
    </row>
    <row r="267" spans="1:10" ht="17.25" customHeight="1" x14ac:dyDescent="0.15">
      <c r="A267" s="13">
        <v>266</v>
      </c>
      <c r="B267" s="13" t="s">
        <v>762</v>
      </c>
      <c r="C267" s="14" t="s">
        <v>103</v>
      </c>
      <c r="D267" s="14"/>
      <c r="E267" s="15" t="s">
        <v>171</v>
      </c>
      <c r="F267" s="13">
        <v>40</v>
      </c>
      <c r="G267" s="16">
        <v>6995301</v>
      </c>
      <c r="H267" s="13" t="s">
        <v>763</v>
      </c>
      <c r="I267" s="13" t="s">
        <v>764</v>
      </c>
      <c r="J267" s="13"/>
    </row>
    <row r="268" spans="1:10" ht="17.25" customHeight="1" x14ac:dyDescent="0.15">
      <c r="A268" s="13">
        <v>267</v>
      </c>
      <c r="B268" s="13" t="s">
        <v>762</v>
      </c>
      <c r="C268" s="14" t="s">
        <v>103</v>
      </c>
      <c r="D268" s="14"/>
      <c r="E268" s="15" t="s">
        <v>765</v>
      </c>
      <c r="F268" s="13">
        <v>60</v>
      </c>
      <c r="G268" s="16">
        <v>6995503</v>
      </c>
      <c r="H268" s="13" t="s">
        <v>766</v>
      </c>
      <c r="I268" s="13" t="s">
        <v>767</v>
      </c>
      <c r="J268" s="13"/>
    </row>
    <row r="269" spans="1:10" ht="17.25" customHeight="1" x14ac:dyDescent="0.15">
      <c r="A269" s="13">
        <v>268</v>
      </c>
      <c r="B269" s="13" t="s">
        <v>762</v>
      </c>
      <c r="C269" s="14" t="s">
        <v>103</v>
      </c>
      <c r="D269" s="14"/>
      <c r="E269" s="15" t="s">
        <v>172</v>
      </c>
      <c r="F269" s="13">
        <v>40</v>
      </c>
      <c r="G269" s="16">
        <v>6995522</v>
      </c>
      <c r="H269" s="13" t="s">
        <v>857</v>
      </c>
      <c r="I269" s="13" t="s">
        <v>666</v>
      </c>
      <c r="J269" s="13"/>
    </row>
    <row r="270" spans="1:10" ht="17.25" customHeight="1" x14ac:dyDescent="0.15">
      <c r="A270" s="13">
        <v>269</v>
      </c>
      <c r="B270" s="13" t="s">
        <v>762</v>
      </c>
      <c r="C270" s="14" t="s">
        <v>103</v>
      </c>
      <c r="D270" s="14"/>
      <c r="E270" s="15" t="s">
        <v>173</v>
      </c>
      <c r="F270" s="13">
        <v>40</v>
      </c>
      <c r="G270" s="16">
        <v>6995513</v>
      </c>
      <c r="H270" s="13" t="s">
        <v>768</v>
      </c>
      <c r="I270" s="13" t="s">
        <v>667</v>
      </c>
      <c r="J270" s="13"/>
    </row>
    <row r="271" spans="1:10" ht="17.25" customHeight="1" x14ac:dyDescent="0.15">
      <c r="A271" s="13">
        <v>270</v>
      </c>
      <c r="B271" s="13" t="s">
        <v>361</v>
      </c>
      <c r="C271" s="14" t="s">
        <v>103</v>
      </c>
      <c r="D271" s="14"/>
      <c r="E271" s="15" t="s">
        <v>769</v>
      </c>
      <c r="F271" s="13">
        <v>80</v>
      </c>
      <c r="G271" s="16">
        <v>6840403</v>
      </c>
      <c r="H271" s="13" t="s">
        <v>770</v>
      </c>
      <c r="I271" s="13" t="s">
        <v>362</v>
      </c>
      <c r="J271" s="13"/>
    </row>
    <row r="272" spans="1:10" ht="17.25" customHeight="1" x14ac:dyDescent="0.15">
      <c r="A272" s="13">
        <v>271</v>
      </c>
      <c r="B272" s="13" t="s">
        <v>190</v>
      </c>
      <c r="C272" s="14" t="s">
        <v>96</v>
      </c>
      <c r="D272" s="14"/>
      <c r="E272" s="15" t="s">
        <v>771</v>
      </c>
      <c r="F272" s="13">
        <v>45</v>
      </c>
      <c r="G272" s="16">
        <v>6840303</v>
      </c>
      <c r="H272" s="13" t="s">
        <v>772</v>
      </c>
      <c r="I272" s="13" t="s">
        <v>191</v>
      </c>
      <c r="J272" s="13"/>
    </row>
    <row r="273" spans="1:10" ht="17.25" customHeight="1" x14ac:dyDescent="0.15">
      <c r="A273" s="13">
        <v>272</v>
      </c>
      <c r="B273" s="13" t="s">
        <v>190</v>
      </c>
      <c r="C273" s="14" t="s">
        <v>103</v>
      </c>
      <c r="D273" s="14"/>
      <c r="E273" s="15" t="s">
        <v>192</v>
      </c>
      <c r="F273" s="13">
        <v>50</v>
      </c>
      <c r="G273" s="16">
        <v>6840302</v>
      </c>
      <c r="H273" s="13" t="s">
        <v>193</v>
      </c>
      <c r="I273" s="13" t="s">
        <v>194</v>
      </c>
      <c r="J273" s="25"/>
    </row>
    <row r="274" spans="1:10" ht="17.25" customHeight="1" x14ac:dyDescent="0.15">
      <c r="A274" s="13">
        <v>273</v>
      </c>
      <c r="B274" s="13" t="s">
        <v>174</v>
      </c>
      <c r="C274" s="14" t="s">
        <v>96</v>
      </c>
      <c r="D274" s="14"/>
      <c r="E274" s="15" t="s">
        <v>175</v>
      </c>
      <c r="F274" s="13">
        <v>30</v>
      </c>
      <c r="G274" s="16">
        <v>6840100</v>
      </c>
      <c r="H274" s="13" t="s">
        <v>176</v>
      </c>
      <c r="I274" s="13" t="s">
        <v>177</v>
      </c>
      <c r="J274" s="13"/>
    </row>
    <row r="275" spans="1:10" ht="17.25" customHeight="1" x14ac:dyDescent="0.15">
      <c r="A275" s="13">
        <v>274</v>
      </c>
      <c r="B275" s="13" t="s">
        <v>773</v>
      </c>
      <c r="C275" s="14" t="s">
        <v>96</v>
      </c>
      <c r="D275" s="14"/>
      <c r="E275" s="15" t="s">
        <v>63</v>
      </c>
      <c r="F275" s="13">
        <v>30</v>
      </c>
      <c r="G275" s="16">
        <v>6850434</v>
      </c>
      <c r="H275" s="13" t="s">
        <v>774</v>
      </c>
      <c r="I275" s="13" t="s">
        <v>64</v>
      </c>
      <c r="J275" s="13"/>
    </row>
    <row r="276" spans="1:10" x14ac:dyDescent="0.15">
      <c r="A276" s="13">
        <v>275</v>
      </c>
      <c r="B276" s="13" t="s">
        <v>773</v>
      </c>
      <c r="C276" s="14" t="s">
        <v>96</v>
      </c>
      <c r="D276" s="14" t="s">
        <v>679</v>
      </c>
      <c r="E276" s="15" t="s">
        <v>775</v>
      </c>
      <c r="F276" s="13">
        <v>50</v>
      </c>
      <c r="G276" s="16">
        <v>6850027</v>
      </c>
      <c r="H276" s="13" t="s">
        <v>776</v>
      </c>
      <c r="I276" s="13" t="s">
        <v>65</v>
      </c>
      <c r="J276" s="13"/>
    </row>
    <row r="277" spans="1:10" ht="17.25" customHeight="1" x14ac:dyDescent="0.15">
      <c r="A277" s="13">
        <v>276</v>
      </c>
      <c r="B277" s="13" t="s">
        <v>773</v>
      </c>
      <c r="C277" s="14" t="s">
        <v>96</v>
      </c>
      <c r="D277" s="14"/>
      <c r="E277" s="15" t="s">
        <v>66</v>
      </c>
      <c r="F277" s="13">
        <v>60</v>
      </c>
      <c r="G277" s="16">
        <v>6850017</v>
      </c>
      <c r="H277" s="13" t="s">
        <v>777</v>
      </c>
      <c r="I277" s="13" t="s">
        <v>67</v>
      </c>
      <c r="J277" s="13"/>
    </row>
    <row r="278" spans="1:10" ht="17.25" customHeight="1" x14ac:dyDescent="0.15">
      <c r="A278" s="13">
        <v>277</v>
      </c>
      <c r="B278" s="13" t="s">
        <v>773</v>
      </c>
      <c r="C278" s="14" t="s">
        <v>96</v>
      </c>
      <c r="D278" s="14"/>
      <c r="E278" s="15" t="s">
        <v>68</v>
      </c>
      <c r="F278" s="13">
        <v>60</v>
      </c>
      <c r="G278" s="16">
        <v>6850311</v>
      </c>
      <c r="H278" s="13" t="s">
        <v>778</v>
      </c>
      <c r="I278" s="13" t="s">
        <v>69</v>
      </c>
      <c r="J278" s="13"/>
    </row>
    <row r="279" spans="1:10" ht="17.25" customHeight="1" x14ac:dyDescent="0.15">
      <c r="A279" s="13">
        <v>278</v>
      </c>
      <c r="B279" s="13" t="s">
        <v>773</v>
      </c>
      <c r="C279" s="14" t="s">
        <v>96</v>
      </c>
      <c r="D279" s="14"/>
      <c r="E279" s="15" t="s">
        <v>70</v>
      </c>
      <c r="F279" s="13">
        <v>60</v>
      </c>
      <c r="G279" s="16">
        <v>6850104</v>
      </c>
      <c r="H279" s="13" t="s">
        <v>779</v>
      </c>
      <c r="I279" s="13" t="s">
        <v>71</v>
      </c>
      <c r="J279" s="13"/>
    </row>
    <row r="280" spans="1:10" ht="17.25" customHeight="1" x14ac:dyDescent="0.15">
      <c r="A280" s="13">
        <v>279</v>
      </c>
      <c r="B280" s="13" t="s">
        <v>773</v>
      </c>
      <c r="C280" s="14" t="s">
        <v>103</v>
      </c>
      <c r="D280" s="14"/>
      <c r="E280" s="15" t="s">
        <v>72</v>
      </c>
      <c r="F280" s="13">
        <v>90</v>
      </c>
      <c r="G280" s="16">
        <v>6850014</v>
      </c>
      <c r="H280" s="13" t="s">
        <v>780</v>
      </c>
      <c r="I280" s="13" t="s">
        <v>73</v>
      </c>
      <c r="J280" s="25"/>
    </row>
    <row r="281" spans="1:10" ht="17.25" customHeight="1" x14ac:dyDescent="0.15">
      <c r="A281" s="13">
        <v>280</v>
      </c>
      <c r="B281" s="13" t="s">
        <v>773</v>
      </c>
      <c r="C281" s="14" t="s">
        <v>103</v>
      </c>
      <c r="D281" s="14"/>
      <c r="E281" s="15" t="s">
        <v>74</v>
      </c>
      <c r="F281" s="13">
        <v>160</v>
      </c>
      <c r="G281" s="16">
        <v>6850017</v>
      </c>
      <c r="H281" s="13" t="s">
        <v>781</v>
      </c>
      <c r="I281" s="13" t="s">
        <v>75</v>
      </c>
      <c r="J281" s="25"/>
    </row>
    <row r="282" spans="1:10" ht="17.25" customHeight="1" x14ac:dyDescent="0.15">
      <c r="A282" s="38">
        <v>281</v>
      </c>
      <c r="B282" s="38" t="s">
        <v>773</v>
      </c>
      <c r="C282" s="39" t="s">
        <v>103</v>
      </c>
      <c r="D282" s="39"/>
      <c r="E282" s="40" t="s">
        <v>851</v>
      </c>
      <c r="F282" s="38">
        <v>20</v>
      </c>
      <c r="G282" s="42">
        <v>6850014</v>
      </c>
      <c r="H282" s="38" t="s">
        <v>782</v>
      </c>
      <c r="I282" s="38" t="s">
        <v>783</v>
      </c>
      <c r="J282" s="38" t="s">
        <v>852</v>
      </c>
    </row>
    <row r="283" spans="1:10" ht="17.25" customHeight="1" x14ac:dyDescent="0.15">
      <c r="A283" s="13">
        <v>282</v>
      </c>
      <c r="B283" s="44" t="s">
        <v>773</v>
      </c>
      <c r="C283" s="45" t="s">
        <v>103</v>
      </c>
      <c r="D283" s="45"/>
      <c r="E283" s="46" t="s">
        <v>784</v>
      </c>
      <c r="F283" s="44">
        <v>20</v>
      </c>
      <c r="G283" s="47">
        <v>6850017</v>
      </c>
      <c r="H283" s="44" t="s">
        <v>781</v>
      </c>
      <c r="I283" s="44" t="s">
        <v>75</v>
      </c>
      <c r="J283" s="48"/>
    </row>
    <row r="284" spans="1:10" ht="17.25" customHeight="1" x14ac:dyDescent="0.15">
      <c r="A284" s="13">
        <v>283</v>
      </c>
      <c r="B284" s="22" t="s">
        <v>773</v>
      </c>
      <c r="C284" s="23" t="s">
        <v>103</v>
      </c>
      <c r="D284" s="23"/>
      <c r="E284" s="24" t="s">
        <v>76</v>
      </c>
      <c r="F284" s="22">
        <v>70</v>
      </c>
      <c r="G284" s="50">
        <v>6850005</v>
      </c>
      <c r="H284" s="22" t="s">
        <v>785</v>
      </c>
      <c r="I284" s="22" t="s">
        <v>77</v>
      </c>
      <c r="J284" s="51"/>
    </row>
    <row r="285" spans="1:10" ht="17.25" customHeight="1" x14ac:dyDescent="0.15">
      <c r="A285" s="49"/>
      <c r="B285" s="49"/>
      <c r="C285" s="49"/>
      <c r="D285" s="49"/>
      <c r="E285" s="49"/>
      <c r="F285" s="49"/>
      <c r="G285" s="49"/>
      <c r="H285" s="49"/>
      <c r="I285" s="49"/>
      <c r="J285" s="49"/>
    </row>
    <row r="286" spans="1:10" x14ac:dyDescent="0.15">
      <c r="A286" s="33"/>
      <c r="B286" s="33"/>
      <c r="C286" s="35"/>
      <c r="D286" s="35"/>
      <c r="E286" s="36"/>
      <c r="F286" s="36"/>
      <c r="G286" s="36"/>
      <c r="H286" s="37"/>
      <c r="I286" s="36"/>
      <c r="J286" s="34"/>
    </row>
  </sheetData>
  <phoneticPr fontId="4"/>
  <printOptions horizontalCentered="1"/>
  <pageMargins left="0.19685039370078741" right="0.15748031496062992" top="0.35433070866141736" bottom="0.27559055118110237" header="0.19685039370078741" footer="0.15748031496062992"/>
  <pageSetup paperSize="9" scale="50" fitToHeight="4" orientation="portrait" cellComments="asDisplayed" useFirstPageNumber="1" r:id="rId1"/>
  <headerFooter alignWithMargins="0">
    <oddFooter>&amp;C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5</vt:i4>
      </vt:variant>
    </vt:vector>
  </HeadingPairs>
  <TitlesOfParts>
    <vt:vector size="6" baseType="lpstr">
      <vt:lpstr>保育所名</vt:lpstr>
      <vt:lpstr>DATA1</vt:lpstr>
      <vt:lpstr>FULLDATA</vt:lpstr>
      <vt:lpstr>PRINT</vt:lpstr>
      <vt:lpstr>保育所名!Print_Titles</vt:lpstr>
      <vt:lpstr>TEST1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情報システム課</dc:creator>
  <cp:lastModifiedBy>Windows ユーザー</cp:lastModifiedBy>
  <cp:lastPrinted>2019-06-24T08:20:53Z</cp:lastPrinted>
  <dcterms:created xsi:type="dcterms:W3CDTF">2005-03-27T03:22:32Z</dcterms:created>
  <dcterms:modified xsi:type="dcterms:W3CDTF">2019-08-22T07:54:52Z</dcterms:modified>
</cp:coreProperties>
</file>